
<file path=[Content_Types].xml><?xml version="1.0" encoding="utf-8"?>
<Types xmlns="http://schemas.openxmlformats.org/package/2006/content-types">
  <Default Extension="emf" ContentType="image/x-emf"/>
  <Default Extension="jpeg" ContentType="image/jpeg"/>
  <Default Extension="jpg" ContentType="image/jpg"/>
  <Default Extension="png" ContentType="image/png"/>
  <Default Extension="rels" ContentType="application/vnd.openxmlformats-package.relationships+xml"/>
  <Default Extension="wdp" ContentType="image/vnd.ms-photo"/>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ppt/notesSlides/notesSlide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60" r:id="rId1"/>
    <p:sldMasterId id="2147483666" r:id="rId2"/>
  </p:sldMasterIdLst>
  <p:notesMasterIdLst>
    <p:notesMasterId r:id="rId48"/>
  </p:notesMasterIdLst>
  <p:sldIdLst>
    <p:sldId id="1817" r:id="rId3"/>
    <p:sldId id="1684" r:id="rId4"/>
    <p:sldId id="1917" r:id="rId5"/>
    <p:sldId id="1257" r:id="rId6"/>
    <p:sldId id="942" r:id="rId7"/>
    <p:sldId id="969" r:id="rId8"/>
    <p:sldId id="968" r:id="rId9"/>
    <p:sldId id="1000" r:id="rId10"/>
    <p:sldId id="967" r:id="rId11"/>
    <p:sldId id="970" r:id="rId12"/>
    <p:sldId id="962" r:id="rId13"/>
    <p:sldId id="658" r:id="rId14"/>
    <p:sldId id="2819" r:id="rId15"/>
    <p:sldId id="2820" r:id="rId16"/>
    <p:sldId id="2822" r:id="rId17"/>
    <p:sldId id="2824" r:id="rId18"/>
    <p:sldId id="2826" r:id="rId19"/>
    <p:sldId id="2827" r:id="rId20"/>
    <p:sldId id="1680" r:id="rId21"/>
    <p:sldId id="1695" r:id="rId22"/>
    <p:sldId id="1281" r:id="rId23"/>
    <p:sldId id="2818" r:id="rId24"/>
    <p:sldId id="2785" r:id="rId25"/>
    <p:sldId id="2777" r:id="rId26"/>
    <p:sldId id="2787" r:id="rId27"/>
    <p:sldId id="2812" r:id="rId28"/>
    <p:sldId id="807" r:id="rId29"/>
    <p:sldId id="1696" r:id="rId30"/>
    <p:sldId id="1902" r:id="rId31"/>
    <p:sldId id="1901" r:id="rId32"/>
    <p:sldId id="1913" r:id="rId33"/>
    <p:sldId id="2797" r:id="rId34"/>
    <p:sldId id="2816" r:id="rId35"/>
    <p:sldId id="256" r:id="rId36"/>
    <p:sldId id="2801" r:id="rId37"/>
    <p:sldId id="2802" r:id="rId38"/>
    <p:sldId id="2803" r:id="rId39"/>
    <p:sldId id="2806" r:id="rId40"/>
    <p:sldId id="2807" r:id="rId41"/>
    <p:sldId id="2800" r:id="rId42"/>
    <p:sldId id="762" r:id="rId43"/>
    <p:sldId id="667" r:id="rId44"/>
    <p:sldId id="2759" r:id="rId45"/>
    <p:sldId id="1918" r:id="rId46"/>
    <p:sldId id="1172" r:id="rId47"/>
  </p:sldIdLst>
  <p:sldSz cx="12192000" cy="6858000"/>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CFFFF"/>
    <a:srgbClr val="CCFF99"/>
    <a:srgbClr val="E2F0D9"/>
    <a:srgbClr val="FFCC66"/>
    <a:srgbClr val="FF9999"/>
    <a:srgbClr val="5B9BD5"/>
    <a:srgbClr val="FFFFCC"/>
    <a:srgbClr val="FFCCCC"/>
    <a:srgbClr val="000000"/>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7EC28CE9-89CB-4848-8096-23D98520DDE2}" v="135" dt="2023-05-18T23:32:23.766"/>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740" autoAdjust="0"/>
    <p:restoredTop sz="94660"/>
  </p:normalViewPr>
  <p:slideViewPr>
    <p:cSldViewPr snapToGrid="0">
      <p:cViewPr varScale="1">
        <p:scale>
          <a:sx n="65" d="100"/>
          <a:sy n="65" d="100"/>
        </p:scale>
        <p:origin x="786" y="66"/>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3" Type="http://schemas.openxmlformats.org/officeDocument/2006/relationships/slide" Target="slides/slide1.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viewProps" Target="viewProps.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slide" Target="slides/slide39.xml"/><Relationship Id="rId54" Type="http://schemas.microsoft.com/office/2015/10/relationships/revisionInfo" Target="revisionInfo.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microsoft.com/office/2016/11/relationships/changesInfo" Target="changesInfos/changesInfo1.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presProps" Target="presProps.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tableStyles" Target="tableStyle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notesMaster" Target="notesMasters/notesMaster1.xml"/><Relationship Id="rId8" Type="http://schemas.openxmlformats.org/officeDocument/2006/relationships/slide" Target="slides/slide6.xml"/><Relationship Id="rId51" Type="http://schemas.openxmlformats.org/officeDocument/2006/relationships/theme" Target="theme/theme1.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芳彦 植野" userId="86ab4e6fb1040a80" providerId="LiveId" clId="{7EC28CE9-89CB-4848-8096-23D98520DDE2}"/>
    <pc:docChg chg="undo custSel addSld delSld modSld">
      <pc:chgData name="芳彦 植野" userId="86ab4e6fb1040a80" providerId="LiveId" clId="{7EC28CE9-89CB-4848-8096-23D98520DDE2}" dt="2023-05-18T23:33:30.465" v="1240" actId="2696"/>
      <pc:docMkLst>
        <pc:docMk/>
      </pc:docMkLst>
      <pc:sldChg chg="add">
        <pc:chgData name="芳彦 植野" userId="86ab4e6fb1040a80" providerId="LiveId" clId="{7EC28CE9-89CB-4848-8096-23D98520DDE2}" dt="2023-05-13T09:18:45.966" v="629"/>
        <pc:sldMkLst>
          <pc:docMk/>
          <pc:sldMk cId="0" sldId="256"/>
        </pc:sldMkLst>
      </pc:sldChg>
      <pc:sldChg chg="del">
        <pc:chgData name="芳彦 植野" userId="86ab4e6fb1040a80" providerId="LiveId" clId="{7EC28CE9-89CB-4848-8096-23D98520DDE2}" dt="2023-03-29T20:39:12.584" v="391" actId="2696"/>
        <pc:sldMkLst>
          <pc:docMk/>
          <pc:sldMk cId="380696628" sldId="263"/>
        </pc:sldMkLst>
      </pc:sldChg>
      <pc:sldChg chg="del">
        <pc:chgData name="芳彦 植野" userId="86ab4e6fb1040a80" providerId="LiveId" clId="{7EC28CE9-89CB-4848-8096-23D98520DDE2}" dt="2023-03-29T20:38:40.411" v="388" actId="2696"/>
        <pc:sldMkLst>
          <pc:docMk/>
          <pc:sldMk cId="3403824860" sldId="266"/>
        </pc:sldMkLst>
      </pc:sldChg>
      <pc:sldChg chg="del">
        <pc:chgData name="芳彦 植野" userId="86ab4e6fb1040a80" providerId="LiveId" clId="{7EC28CE9-89CB-4848-8096-23D98520DDE2}" dt="2023-03-29T21:02:31.871" v="419" actId="2696"/>
        <pc:sldMkLst>
          <pc:docMk/>
          <pc:sldMk cId="2571136845" sldId="267"/>
        </pc:sldMkLst>
      </pc:sldChg>
      <pc:sldChg chg="del">
        <pc:chgData name="芳彦 植野" userId="86ab4e6fb1040a80" providerId="LiveId" clId="{7EC28CE9-89CB-4848-8096-23D98520DDE2}" dt="2023-03-29T21:02:38.132" v="425" actId="2696"/>
        <pc:sldMkLst>
          <pc:docMk/>
          <pc:sldMk cId="2377427756" sldId="268"/>
        </pc:sldMkLst>
      </pc:sldChg>
      <pc:sldChg chg="del">
        <pc:chgData name="芳彦 植野" userId="86ab4e6fb1040a80" providerId="LiveId" clId="{7EC28CE9-89CB-4848-8096-23D98520DDE2}" dt="2023-03-29T21:02:32.757" v="420" actId="2696"/>
        <pc:sldMkLst>
          <pc:docMk/>
          <pc:sldMk cId="1853193874" sldId="269"/>
        </pc:sldMkLst>
      </pc:sldChg>
      <pc:sldChg chg="del">
        <pc:chgData name="芳彦 植野" userId="86ab4e6fb1040a80" providerId="LiveId" clId="{7EC28CE9-89CB-4848-8096-23D98520DDE2}" dt="2023-03-29T21:02:33.640" v="421" actId="2696"/>
        <pc:sldMkLst>
          <pc:docMk/>
          <pc:sldMk cId="2618148430" sldId="272"/>
        </pc:sldMkLst>
      </pc:sldChg>
      <pc:sldChg chg="del">
        <pc:chgData name="芳彦 植野" userId="86ab4e6fb1040a80" providerId="LiveId" clId="{7EC28CE9-89CB-4848-8096-23D98520DDE2}" dt="2023-03-29T21:02:35.544" v="423" actId="2696"/>
        <pc:sldMkLst>
          <pc:docMk/>
          <pc:sldMk cId="3503254782" sldId="273"/>
        </pc:sldMkLst>
      </pc:sldChg>
      <pc:sldChg chg="del">
        <pc:chgData name="芳彦 植野" userId="86ab4e6fb1040a80" providerId="LiveId" clId="{7EC28CE9-89CB-4848-8096-23D98520DDE2}" dt="2023-03-29T21:02:34.462" v="422" actId="2696"/>
        <pc:sldMkLst>
          <pc:docMk/>
          <pc:sldMk cId="298309805" sldId="275"/>
        </pc:sldMkLst>
      </pc:sldChg>
      <pc:sldChg chg="add del">
        <pc:chgData name="芳彦 植野" userId="86ab4e6fb1040a80" providerId="LiveId" clId="{7EC28CE9-89CB-4848-8096-23D98520DDE2}" dt="2023-03-29T21:02:30.580" v="418" actId="2696"/>
        <pc:sldMkLst>
          <pc:docMk/>
          <pc:sldMk cId="69164070" sldId="276"/>
        </pc:sldMkLst>
      </pc:sldChg>
      <pc:sldChg chg="del">
        <pc:chgData name="芳彦 植野" userId="86ab4e6fb1040a80" providerId="LiveId" clId="{7EC28CE9-89CB-4848-8096-23D98520DDE2}" dt="2023-03-29T20:38:34.858" v="384" actId="2696"/>
        <pc:sldMkLst>
          <pc:docMk/>
          <pc:sldMk cId="3205594311" sldId="289"/>
        </pc:sldMkLst>
      </pc:sldChg>
      <pc:sldChg chg="del">
        <pc:chgData name="芳彦 植野" userId="86ab4e6fb1040a80" providerId="LiveId" clId="{7EC28CE9-89CB-4848-8096-23D98520DDE2}" dt="2023-03-29T20:38:35.802" v="385" actId="2696"/>
        <pc:sldMkLst>
          <pc:docMk/>
          <pc:sldMk cId="3937498274" sldId="290"/>
        </pc:sldMkLst>
      </pc:sldChg>
      <pc:sldChg chg="del">
        <pc:chgData name="芳彦 植野" userId="86ab4e6fb1040a80" providerId="LiveId" clId="{7EC28CE9-89CB-4848-8096-23D98520DDE2}" dt="2023-03-29T20:39:15.241" v="392" actId="2696"/>
        <pc:sldMkLst>
          <pc:docMk/>
          <pc:sldMk cId="581474170" sldId="429"/>
        </pc:sldMkLst>
      </pc:sldChg>
      <pc:sldChg chg="del">
        <pc:chgData name="芳彦 植野" userId="86ab4e6fb1040a80" providerId="LiveId" clId="{7EC28CE9-89CB-4848-8096-23D98520DDE2}" dt="2023-03-29T20:39:22.356" v="396" actId="2696"/>
        <pc:sldMkLst>
          <pc:docMk/>
          <pc:sldMk cId="2043807753" sldId="430"/>
        </pc:sldMkLst>
      </pc:sldChg>
      <pc:sldChg chg="add del">
        <pc:chgData name="芳彦 植野" userId="86ab4e6fb1040a80" providerId="LiveId" clId="{7EC28CE9-89CB-4848-8096-23D98520DDE2}" dt="2023-05-13T05:37:29.333" v="625" actId="2696"/>
        <pc:sldMkLst>
          <pc:docMk/>
          <pc:sldMk cId="350902380" sldId="431"/>
        </pc:sldMkLst>
      </pc:sldChg>
      <pc:sldChg chg="del">
        <pc:chgData name="芳彦 植野" userId="86ab4e6fb1040a80" providerId="LiveId" clId="{7EC28CE9-89CB-4848-8096-23D98520DDE2}" dt="2023-03-29T20:39:17.463" v="393" actId="2696"/>
        <pc:sldMkLst>
          <pc:docMk/>
          <pc:sldMk cId="1092910256" sldId="431"/>
        </pc:sldMkLst>
      </pc:sldChg>
      <pc:sldChg chg="add del">
        <pc:chgData name="芳彦 植野" userId="86ab4e6fb1040a80" providerId="LiveId" clId="{7EC28CE9-89CB-4848-8096-23D98520DDE2}" dt="2023-05-18T23:33:30.465" v="1240" actId="2696"/>
        <pc:sldMkLst>
          <pc:docMk/>
          <pc:sldMk cId="3268799354" sldId="431"/>
        </pc:sldMkLst>
      </pc:sldChg>
      <pc:sldChg chg="del">
        <pc:chgData name="芳彦 植野" userId="86ab4e6fb1040a80" providerId="LiveId" clId="{7EC28CE9-89CB-4848-8096-23D98520DDE2}" dt="2023-03-29T20:39:18.387" v="394" actId="2696"/>
        <pc:sldMkLst>
          <pc:docMk/>
          <pc:sldMk cId="3634110474" sldId="436"/>
        </pc:sldMkLst>
      </pc:sldChg>
      <pc:sldChg chg="del">
        <pc:chgData name="芳彦 植野" userId="86ab4e6fb1040a80" providerId="LiveId" clId="{7EC28CE9-89CB-4848-8096-23D98520DDE2}" dt="2023-03-29T20:39:19.221" v="395" actId="2696"/>
        <pc:sldMkLst>
          <pc:docMk/>
          <pc:sldMk cId="3947576437" sldId="438"/>
        </pc:sldMkLst>
      </pc:sldChg>
      <pc:sldChg chg="del">
        <pc:chgData name="芳彦 植野" userId="86ab4e6fb1040a80" providerId="LiveId" clId="{7EC28CE9-89CB-4848-8096-23D98520DDE2}" dt="2023-03-29T20:39:23.390" v="397" actId="2696"/>
        <pc:sldMkLst>
          <pc:docMk/>
          <pc:sldMk cId="706757768" sldId="440"/>
        </pc:sldMkLst>
      </pc:sldChg>
      <pc:sldChg chg="del">
        <pc:chgData name="芳彦 植野" userId="86ab4e6fb1040a80" providerId="LiveId" clId="{7EC28CE9-89CB-4848-8096-23D98520DDE2}" dt="2023-03-29T20:39:24.295" v="398" actId="2696"/>
        <pc:sldMkLst>
          <pc:docMk/>
          <pc:sldMk cId="1176239610" sldId="441"/>
        </pc:sldMkLst>
      </pc:sldChg>
      <pc:sldChg chg="del">
        <pc:chgData name="芳彦 植野" userId="86ab4e6fb1040a80" providerId="LiveId" clId="{7EC28CE9-89CB-4848-8096-23D98520DDE2}" dt="2023-03-29T20:39:25.234" v="399" actId="2696"/>
        <pc:sldMkLst>
          <pc:docMk/>
          <pc:sldMk cId="3314118750" sldId="442"/>
        </pc:sldMkLst>
      </pc:sldChg>
      <pc:sldChg chg="del">
        <pc:chgData name="芳彦 植野" userId="86ab4e6fb1040a80" providerId="LiveId" clId="{7EC28CE9-89CB-4848-8096-23D98520DDE2}" dt="2023-03-29T20:39:27.626" v="400" actId="2696"/>
        <pc:sldMkLst>
          <pc:docMk/>
          <pc:sldMk cId="610592517" sldId="443"/>
        </pc:sldMkLst>
      </pc:sldChg>
      <pc:sldChg chg="del">
        <pc:chgData name="芳彦 植野" userId="86ab4e6fb1040a80" providerId="LiveId" clId="{7EC28CE9-89CB-4848-8096-23D98520DDE2}" dt="2023-03-29T20:39:28.431" v="401" actId="2696"/>
        <pc:sldMkLst>
          <pc:docMk/>
          <pc:sldMk cId="706788537" sldId="444"/>
        </pc:sldMkLst>
      </pc:sldChg>
      <pc:sldChg chg="del">
        <pc:chgData name="芳彦 植野" userId="86ab4e6fb1040a80" providerId="LiveId" clId="{7EC28CE9-89CB-4848-8096-23D98520DDE2}" dt="2023-03-29T20:39:35.078" v="402" actId="2696"/>
        <pc:sldMkLst>
          <pc:docMk/>
          <pc:sldMk cId="1420854522" sldId="445"/>
        </pc:sldMkLst>
      </pc:sldChg>
      <pc:sldChg chg="del">
        <pc:chgData name="芳彦 植野" userId="86ab4e6fb1040a80" providerId="LiveId" clId="{7EC28CE9-89CB-4848-8096-23D98520DDE2}" dt="2023-03-29T21:02:36.653" v="424" actId="2696"/>
        <pc:sldMkLst>
          <pc:docMk/>
          <pc:sldMk cId="913778073" sldId="450"/>
        </pc:sldMkLst>
      </pc:sldChg>
      <pc:sldChg chg="modSp add mod">
        <pc:chgData name="芳彦 植野" userId="86ab4e6fb1040a80" providerId="LiveId" clId="{7EC28CE9-89CB-4848-8096-23D98520DDE2}" dt="2023-05-12T07:48:55.789" v="610"/>
        <pc:sldMkLst>
          <pc:docMk/>
          <pc:sldMk cId="262366426" sldId="658"/>
        </pc:sldMkLst>
        <pc:spChg chg="mod">
          <ac:chgData name="芳彦 植野" userId="86ab4e6fb1040a80" providerId="LiveId" clId="{7EC28CE9-89CB-4848-8096-23D98520DDE2}" dt="2023-04-23T22:44:27.408" v="454" actId="6549"/>
          <ac:spMkLst>
            <pc:docMk/>
            <pc:sldMk cId="262366426" sldId="658"/>
            <ac:spMk id="2" creationId="{466BA885-DF7A-439B-91D5-07000D45374A}"/>
          </ac:spMkLst>
        </pc:spChg>
        <pc:spChg chg="mod">
          <ac:chgData name="芳彦 植野" userId="86ab4e6fb1040a80" providerId="LiveId" clId="{7EC28CE9-89CB-4848-8096-23D98520DDE2}" dt="2023-03-28T20:06:32.931" v="148" actId="20577"/>
          <ac:spMkLst>
            <pc:docMk/>
            <pc:sldMk cId="262366426" sldId="658"/>
            <ac:spMk id="3" creationId="{7271DF49-1A4D-4487-B6A4-B51DE8A53BF0}"/>
          </ac:spMkLst>
        </pc:spChg>
        <pc:spChg chg="mod">
          <ac:chgData name="芳彦 植野" userId="86ab4e6fb1040a80" providerId="LiveId" clId="{7EC28CE9-89CB-4848-8096-23D98520DDE2}" dt="2023-03-28T20:05:51.127" v="108" actId="6549"/>
          <ac:spMkLst>
            <pc:docMk/>
            <pc:sldMk cId="262366426" sldId="658"/>
            <ac:spMk id="4" creationId="{7E4384E8-7AF7-49DF-8EF4-1F05B762F3BB}"/>
          </ac:spMkLst>
        </pc:spChg>
        <pc:spChg chg="mod">
          <ac:chgData name="芳彦 植野" userId="86ab4e6fb1040a80" providerId="LiveId" clId="{7EC28CE9-89CB-4848-8096-23D98520DDE2}" dt="2023-03-28T20:05:27.352" v="103" actId="1582"/>
          <ac:spMkLst>
            <pc:docMk/>
            <pc:sldMk cId="262366426" sldId="658"/>
            <ac:spMk id="8" creationId="{3B6E4A81-2C8D-480D-99DE-2518BA131B3B}"/>
          </ac:spMkLst>
        </pc:spChg>
        <pc:spChg chg="mod">
          <ac:chgData name="芳彦 植野" userId="86ab4e6fb1040a80" providerId="LiveId" clId="{7EC28CE9-89CB-4848-8096-23D98520DDE2}" dt="2023-03-28T20:10:03.234" v="377" actId="20577"/>
          <ac:spMkLst>
            <pc:docMk/>
            <pc:sldMk cId="262366426" sldId="658"/>
            <ac:spMk id="13" creationId="{D113C88C-DE55-4D2E-AF39-302E04C7D387}"/>
          </ac:spMkLst>
        </pc:spChg>
        <pc:spChg chg="mod">
          <ac:chgData name="芳彦 植野" userId="86ab4e6fb1040a80" providerId="LiveId" clId="{7EC28CE9-89CB-4848-8096-23D98520DDE2}" dt="2023-03-28T20:07:34.032" v="210" actId="6549"/>
          <ac:spMkLst>
            <pc:docMk/>
            <pc:sldMk cId="262366426" sldId="658"/>
            <ac:spMk id="29" creationId="{06EA9D92-1D4E-4C57-ACAC-9CE57BF32457}"/>
          </ac:spMkLst>
        </pc:spChg>
      </pc:sldChg>
      <pc:sldChg chg="add">
        <pc:chgData name="芳彦 植野" userId="86ab4e6fb1040a80" providerId="LiveId" clId="{7EC28CE9-89CB-4848-8096-23D98520DDE2}" dt="2023-05-18T23:32:11.924" v="1236"/>
        <pc:sldMkLst>
          <pc:docMk/>
          <pc:sldMk cId="0" sldId="667"/>
        </pc:sldMkLst>
      </pc:sldChg>
      <pc:sldChg chg="modSp add mod">
        <pc:chgData name="芳彦 植野" userId="86ab4e6fb1040a80" providerId="LiveId" clId="{7EC28CE9-89CB-4848-8096-23D98520DDE2}" dt="2023-05-18T23:31:29.241" v="1235" actId="20577"/>
        <pc:sldMkLst>
          <pc:docMk/>
          <pc:sldMk cId="1435757445" sldId="762"/>
        </pc:sldMkLst>
        <pc:spChg chg="mod">
          <ac:chgData name="芳彦 植野" userId="86ab4e6fb1040a80" providerId="LiveId" clId="{7EC28CE9-89CB-4848-8096-23D98520DDE2}" dt="2023-05-18T23:31:29.241" v="1235" actId="20577"/>
          <ac:spMkLst>
            <pc:docMk/>
            <pc:sldMk cId="1435757445" sldId="762"/>
            <ac:spMk id="3" creationId="{00000000-0000-0000-0000-000000000000}"/>
          </ac:spMkLst>
        </pc:spChg>
        <pc:spChg chg="mod">
          <ac:chgData name="芳彦 植野" userId="86ab4e6fb1040a80" providerId="LiveId" clId="{7EC28CE9-89CB-4848-8096-23D98520DDE2}" dt="2023-05-18T23:28:45.823" v="1076" actId="6549"/>
          <ac:spMkLst>
            <pc:docMk/>
            <pc:sldMk cId="1435757445" sldId="762"/>
            <ac:spMk id="9" creationId="{00000000-0000-0000-0000-000000000000}"/>
          </ac:spMkLst>
        </pc:spChg>
        <pc:spChg chg="mod">
          <ac:chgData name="芳彦 植野" userId="86ab4e6fb1040a80" providerId="LiveId" clId="{7EC28CE9-89CB-4848-8096-23D98520DDE2}" dt="2023-05-18T23:30:55.991" v="1201" actId="6549"/>
          <ac:spMkLst>
            <pc:docMk/>
            <pc:sldMk cId="1435757445" sldId="762"/>
            <ac:spMk id="11" creationId="{00000000-0000-0000-0000-000000000000}"/>
          </ac:spMkLst>
        </pc:spChg>
      </pc:sldChg>
      <pc:sldChg chg="add del">
        <pc:chgData name="芳彦 植野" userId="86ab4e6fb1040a80" providerId="LiveId" clId="{7EC28CE9-89CB-4848-8096-23D98520DDE2}" dt="2023-05-18T23:33:22.292" v="1238" actId="2696"/>
        <pc:sldMkLst>
          <pc:docMk/>
          <pc:sldMk cId="210484992" sldId="806"/>
        </pc:sldMkLst>
      </pc:sldChg>
      <pc:sldChg chg="add">
        <pc:chgData name="芳彦 植野" userId="86ab4e6fb1040a80" providerId="LiveId" clId="{7EC28CE9-89CB-4848-8096-23D98520DDE2}" dt="2023-03-29T21:01:20.345" v="414"/>
        <pc:sldMkLst>
          <pc:docMk/>
          <pc:sldMk cId="1791747486" sldId="807"/>
        </pc:sldMkLst>
      </pc:sldChg>
      <pc:sldChg chg="add del">
        <pc:chgData name="芳彦 植野" userId="86ab4e6fb1040a80" providerId="LiveId" clId="{7EC28CE9-89CB-4848-8096-23D98520DDE2}" dt="2023-05-18T23:33:24.771" v="1239" actId="2696"/>
        <pc:sldMkLst>
          <pc:docMk/>
          <pc:sldMk cId="453152758" sldId="808"/>
        </pc:sldMkLst>
      </pc:sldChg>
      <pc:sldChg chg="modSp mod">
        <pc:chgData name="芳彦 植野" userId="86ab4e6fb1040a80" providerId="LiveId" clId="{7EC28CE9-89CB-4848-8096-23D98520DDE2}" dt="2023-05-10T03:12:22.229" v="467" actId="6549"/>
        <pc:sldMkLst>
          <pc:docMk/>
          <pc:sldMk cId="0" sldId="942"/>
        </pc:sldMkLst>
        <pc:spChg chg="mod">
          <ac:chgData name="芳彦 植野" userId="86ab4e6fb1040a80" providerId="LiveId" clId="{7EC28CE9-89CB-4848-8096-23D98520DDE2}" dt="2023-05-10T03:12:22.229" v="467" actId="6549"/>
          <ac:spMkLst>
            <pc:docMk/>
            <pc:sldMk cId="0" sldId="942"/>
            <ac:spMk id="10245" creationId="{2B713E3A-5292-D2E9-E18A-048FB2D406C0}"/>
          </ac:spMkLst>
        </pc:spChg>
      </pc:sldChg>
      <pc:sldChg chg="del">
        <pc:chgData name="芳彦 植野" userId="86ab4e6fb1040a80" providerId="LiveId" clId="{7EC28CE9-89CB-4848-8096-23D98520DDE2}" dt="2023-05-14T22:45:06.265" v="639" actId="2696"/>
        <pc:sldMkLst>
          <pc:docMk/>
          <pc:sldMk cId="0" sldId="943"/>
        </pc:sldMkLst>
      </pc:sldChg>
      <pc:sldChg chg="modSp mod">
        <pc:chgData name="芳彦 植野" userId="86ab4e6fb1040a80" providerId="LiveId" clId="{7EC28CE9-89CB-4848-8096-23D98520DDE2}" dt="2023-05-11T21:40:07.079" v="470" actId="6549"/>
        <pc:sldMkLst>
          <pc:docMk/>
          <pc:sldMk cId="0" sldId="962"/>
        </pc:sldMkLst>
        <pc:spChg chg="mod">
          <ac:chgData name="芳彦 植野" userId="86ab4e6fb1040a80" providerId="LiveId" clId="{7EC28CE9-89CB-4848-8096-23D98520DDE2}" dt="2023-05-11T21:40:07.079" v="470" actId="6549"/>
          <ac:spMkLst>
            <pc:docMk/>
            <pc:sldMk cId="0" sldId="962"/>
            <ac:spMk id="51203" creationId="{1C38B216-807D-D5FD-8E80-DA983500FAE1}"/>
          </ac:spMkLst>
        </pc:spChg>
      </pc:sldChg>
      <pc:sldChg chg="add">
        <pc:chgData name="芳彦 植野" userId="86ab4e6fb1040a80" providerId="LiveId" clId="{7EC28CE9-89CB-4848-8096-23D98520DDE2}" dt="2023-05-13T09:21:40.711" v="638"/>
        <pc:sldMkLst>
          <pc:docMk/>
          <pc:sldMk cId="0" sldId="1172"/>
        </pc:sldMkLst>
      </pc:sldChg>
      <pc:sldChg chg="del">
        <pc:chgData name="芳彦 植野" userId="86ab4e6fb1040a80" providerId="LiveId" clId="{7EC28CE9-89CB-4848-8096-23D98520DDE2}" dt="2023-03-29T20:38:39.773" v="387" actId="2696"/>
        <pc:sldMkLst>
          <pc:docMk/>
          <pc:sldMk cId="2941977760" sldId="1572"/>
        </pc:sldMkLst>
      </pc:sldChg>
      <pc:sldChg chg="add del">
        <pc:chgData name="芳彦 植野" userId="86ab4e6fb1040a80" providerId="LiveId" clId="{7EC28CE9-89CB-4848-8096-23D98520DDE2}" dt="2023-03-29T21:02:39.096" v="426" actId="2696"/>
        <pc:sldMkLst>
          <pc:docMk/>
          <pc:sldMk cId="1019227345" sldId="1573"/>
        </pc:sldMkLst>
      </pc:sldChg>
      <pc:sldChg chg="del">
        <pc:chgData name="芳彦 植野" userId="86ab4e6fb1040a80" providerId="LiveId" clId="{7EC28CE9-89CB-4848-8096-23D98520DDE2}" dt="2023-03-29T21:02:40.434" v="427" actId="2696"/>
        <pc:sldMkLst>
          <pc:docMk/>
          <pc:sldMk cId="1312839462" sldId="1575"/>
        </pc:sldMkLst>
      </pc:sldChg>
      <pc:sldChg chg="del">
        <pc:chgData name="芳彦 植野" userId="86ab4e6fb1040a80" providerId="LiveId" clId="{7EC28CE9-89CB-4848-8096-23D98520DDE2}" dt="2023-03-29T21:02:24.463" v="417" actId="2696"/>
        <pc:sldMkLst>
          <pc:docMk/>
          <pc:sldMk cId="3407022139" sldId="1576"/>
        </pc:sldMkLst>
      </pc:sldChg>
      <pc:sldChg chg="del">
        <pc:chgData name="芳彦 植野" userId="86ab4e6fb1040a80" providerId="LiveId" clId="{7EC28CE9-89CB-4848-8096-23D98520DDE2}" dt="2023-03-29T20:39:57.005" v="406" actId="2696"/>
        <pc:sldMkLst>
          <pc:docMk/>
          <pc:sldMk cId="3131191671" sldId="1577"/>
        </pc:sldMkLst>
      </pc:sldChg>
      <pc:sldChg chg="del">
        <pc:chgData name="芳彦 植野" userId="86ab4e6fb1040a80" providerId="LiveId" clId="{7EC28CE9-89CB-4848-8096-23D98520DDE2}" dt="2023-03-29T20:39:59.120" v="407" actId="2696"/>
        <pc:sldMkLst>
          <pc:docMk/>
          <pc:sldMk cId="126761335" sldId="1578"/>
        </pc:sldMkLst>
      </pc:sldChg>
      <pc:sldChg chg="del">
        <pc:chgData name="芳彦 植野" userId="86ab4e6fb1040a80" providerId="LiveId" clId="{7EC28CE9-89CB-4848-8096-23D98520DDE2}" dt="2023-03-29T20:39:36.767" v="403" actId="2696"/>
        <pc:sldMkLst>
          <pc:docMk/>
          <pc:sldMk cId="884875915" sldId="1579"/>
        </pc:sldMkLst>
      </pc:sldChg>
      <pc:sldChg chg="modSp mod">
        <pc:chgData name="芳彦 植野" userId="86ab4e6fb1040a80" providerId="LiveId" clId="{7EC28CE9-89CB-4848-8096-23D98520DDE2}" dt="2023-04-23T22:44:09.717" v="451" actId="6549"/>
        <pc:sldMkLst>
          <pc:docMk/>
          <pc:sldMk cId="2732712902" sldId="1817"/>
        </pc:sldMkLst>
        <pc:spChg chg="mod">
          <ac:chgData name="芳彦 植野" userId="86ab4e6fb1040a80" providerId="LiveId" clId="{7EC28CE9-89CB-4848-8096-23D98520DDE2}" dt="2023-03-28T20:04:45.580" v="94" actId="6549"/>
          <ac:spMkLst>
            <pc:docMk/>
            <pc:sldMk cId="2732712902" sldId="1817"/>
            <ac:spMk id="6" creationId="{5885453B-8021-6B5C-A41F-EFDCF75C02F0}"/>
          </ac:spMkLst>
        </pc:spChg>
        <pc:spChg chg="mod">
          <ac:chgData name="芳彦 植野" userId="86ab4e6fb1040a80" providerId="LiveId" clId="{7EC28CE9-89CB-4848-8096-23D98520DDE2}" dt="2023-04-23T22:44:09.717" v="451" actId="6549"/>
          <ac:spMkLst>
            <pc:docMk/>
            <pc:sldMk cId="2732712902" sldId="1817"/>
            <ac:spMk id="8" creationId="{7B4BCC26-6D7B-2B90-F4AA-D71D44D9A232}"/>
          </ac:spMkLst>
        </pc:spChg>
      </pc:sldChg>
      <pc:sldChg chg="del">
        <pc:chgData name="芳彦 植野" userId="86ab4e6fb1040a80" providerId="LiveId" clId="{7EC28CE9-89CB-4848-8096-23D98520DDE2}" dt="2023-04-09T08:24:29.606" v="430" actId="2696"/>
        <pc:sldMkLst>
          <pc:docMk/>
          <pc:sldMk cId="1853776097" sldId="1818"/>
        </pc:sldMkLst>
      </pc:sldChg>
      <pc:sldChg chg="modSp">
        <pc:chgData name="芳彦 植野" userId="86ab4e6fb1040a80" providerId="LiveId" clId="{7EC28CE9-89CB-4848-8096-23D98520DDE2}" dt="2023-04-10T21:25:17.074" v="436"/>
        <pc:sldMkLst>
          <pc:docMk/>
          <pc:sldMk cId="2184136888" sldId="1840"/>
        </pc:sldMkLst>
        <pc:spChg chg="mod">
          <ac:chgData name="芳彦 植野" userId="86ab4e6fb1040a80" providerId="LiveId" clId="{7EC28CE9-89CB-4848-8096-23D98520DDE2}" dt="2023-04-10T21:25:17.074" v="436"/>
          <ac:spMkLst>
            <pc:docMk/>
            <pc:sldMk cId="2184136888" sldId="1840"/>
            <ac:spMk id="8" creationId="{26126C3E-AED2-4463-B006-8C172212400F}"/>
          </ac:spMkLst>
        </pc:spChg>
      </pc:sldChg>
      <pc:sldChg chg="modSp">
        <pc:chgData name="芳彦 植野" userId="86ab4e6fb1040a80" providerId="LiveId" clId="{7EC28CE9-89CB-4848-8096-23D98520DDE2}" dt="2023-04-10T21:25:17.074" v="436"/>
        <pc:sldMkLst>
          <pc:docMk/>
          <pc:sldMk cId="3387509190" sldId="1850"/>
        </pc:sldMkLst>
        <pc:spChg chg="mod">
          <ac:chgData name="芳彦 植野" userId="86ab4e6fb1040a80" providerId="LiveId" clId="{7EC28CE9-89CB-4848-8096-23D98520DDE2}" dt="2023-04-10T21:25:17.074" v="436"/>
          <ac:spMkLst>
            <pc:docMk/>
            <pc:sldMk cId="3387509190" sldId="1850"/>
            <ac:spMk id="6" creationId="{93667513-1B48-4516-889D-2762B0A2073F}"/>
          </ac:spMkLst>
        </pc:spChg>
      </pc:sldChg>
      <pc:sldChg chg="del">
        <pc:chgData name="芳彦 植野" userId="86ab4e6fb1040a80" providerId="LiveId" clId="{7EC28CE9-89CB-4848-8096-23D98520DDE2}" dt="2023-04-09T08:24:53.948" v="433" actId="2696"/>
        <pc:sldMkLst>
          <pc:docMk/>
          <pc:sldMk cId="1229087005" sldId="1871"/>
        </pc:sldMkLst>
      </pc:sldChg>
      <pc:sldChg chg="modSp">
        <pc:chgData name="芳彦 植野" userId="86ab4e6fb1040a80" providerId="LiveId" clId="{7EC28CE9-89CB-4848-8096-23D98520DDE2}" dt="2023-04-10T21:25:17.074" v="436"/>
        <pc:sldMkLst>
          <pc:docMk/>
          <pc:sldMk cId="320848209" sldId="1873"/>
        </pc:sldMkLst>
        <pc:spChg chg="mod">
          <ac:chgData name="芳彦 植野" userId="86ab4e6fb1040a80" providerId="LiveId" clId="{7EC28CE9-89CB-4848-8096-23D98520DDE2}" dt="2023-04-10T21:25:17.074" v="436"/>
          <ac:spMkLst>
            <pc:docMk/>
            <pc:sldMk cId="320848209" sldId="1873"/>
            <ac:spMk id="6" creationId="{93667513-1B48-4516-889D-2762B0A2073F}"/>
          </ac:spMkLst>
        </pc:spChg>
        <pc:spChg chg="mod">
          <ac:chgData name="芳彦 植野" userId="86ab4e6fb1040a80" providerId="LiveId" clId="{7EC28CE9-89CB-4848-8096-23D98520DDE2}" dt="2023-04-10T21:25:17.074" v="436"/>
          <ac:spMkLst>
            <pc:docMk/>
            <pc:sldMk cId="320848209" sldId="1873"/>
            <ac:spMk id="8" creationId="{26126C3E-AED2-4463-B006-8C172212400F}"/>
          </ac:spMkLst>
        </pc:spChg>
      </pc:sldChg>
      <pc:sldChg chg="modSp">
        <pc:chgData name="芳彦 植野" userId="86ab4e6fb1040a80" providerId="LiveId" clId="{7EC28CE9-89CB-4848-8096-23D98520DDE2}" dt="2023-04-10T21:25:17.074" v="436"/>
        <pc:sldMkLst>
          <pc:docMk/>
          <pc:sldMk cId="1258031974" sldId="1880"/>
        </pc:sldMkLst>
        <pc:spChg chg="mod">
          <ac:chgData name="芳彦 植野" userId="86ab4e6fb1040a80" providerId="LiveId" clId="{7EC28CE9-89CB-4848-8096-23D98520DDE2}" dt="2023-04-10T21:25:17.074" v="436"/>
          <ac:spMkLst>
            <pc:docMk/>
            <pc:sldMk cId="1258031974" sldId="1880"/>
            <ac:spMk id="8" creationId="{26126C3E-AED2-4463-B006-8C172212400F}"/>
          </ac:spMkLst>
        </pc:spChg>
      </pc:sldChg>
      <pc:sldChg chg="del">
        <pc:chgData name="芳彦 植野" userId="86ab4e6fb1040a80" providerId="LiveId" clId="{7EC28CE9-89CB-4848-8096-23D98520DDE2}" dt="2023-03-29T20:38:28.409" v="383" actId="2696"/>
        <pc:sldMkLst>
          <pc:docMk/>
          <pc:sldMk cId="3314788809" sldId="1882"/>
        </pc:sldMkLst>
      </pc:sldChg>
      <pc:sldChg chg="del">
        <pc:chgData name="芳彦 植野" userId="86ab4e6fb1040a80" providerId="LiveId" clId="{7EC28CE9-89CB-4848-8096-23D98520DDE2}" dt="2023-04-09T08:25:02.459" v="435" actId="2696"/>
        <pc:sldMkLst>
          <pc:docMk/>
          <pc:sldMk cId="873576933" sldId="1883"/>
        </pc:sldMkLst>
      </pc:sldChg>
      <pc:sldChg chg="del">
        <pc:chgData name="芳彦 植野" userId="86ab4e6fb1040a80" providerId="LiveId" clId="{7EC28CE9-89CB-4848-8096-23D98520DDE2}" dt="2023-04-09T08:24:54.775" v="434" actId="2696"/>
        <pc:sldMkLst>
          <pc:docMk/>
          <pc:sldMk cId="2675684946" sldId="1884"/>
        </pc:sldMkLst>
      </pc:sldChg>
      <pc:sldChg chg="modSp">
        <pc:chgData name="芳彦 植野" userId="86ab4e6fb1040a80" providerId="LiveId" clId="{7EC28CE9-89CB-4848-8096-23D98520DDE2}" dt="2023-04-10T21:25:17.074" v="436"/>
        <pc:sldMkLst>
          <pc:docMk/>
          <pc:sldMk cId="2152814743" sldId="1885"/>
        </pc:sldMkLst>
        <pc:spChg chg="mod">
          <ac:chgData name="芳彦 植野" userId="86ab4e6fb1040a80" providerId="LiveId" clId="{7EC28CE9-89CB-4848-8096-23D98520DDE2}" dt="2023-04-10T21:25:17.074" v="436"/>
          <ac:spMkLst>
            <pc:docMk/>
            <pc:sldMk cId="2152814743" sldId="1885"/>
            <ac:spMk id="8" creationId="{26126C3E-AED2-4463-B006-8C172212400F}"/>
          </ac:spMkLst>
        </pc:spChg>
      </pc:sldChg>
      <pc:sldChg chg="modSp">
        <pc:chgData name="芳彦 植野" userId="86ab4e6fb1040a80" providerId="LiveId" clId="{7EC28CE9-89CB-4848-8096-23D98520DDE2}" dt="2023-04-10T21:25:17.074" v="436"/>
        <pc:sldMkLst>
          <pc:docMk/>
          <pc:sldMk cId="4160069017" sldId="1886"/>
        </pc:sldMkLst>
        <pc:spChg chg="mod">
          <ac:chgData name="芳彦 植野" userId="86ab4e6fb1040a80" providerId="LiveId" clId="{7EC28CE9-89CB-4848-8096-23D98520DDE2}" dt="2023-04-10T21:25:17.074" v="436"/>
          <ac:spMkLst>
            <pc:docMk/>
            <pc:sldMk cId="4160069017" sldId="1886"/>
            <ac:spMk id="8" creationId="{26126C3E-AED2-4463-B006-8C172212400F}"/>
          </ac:spMkLst>
        </pc:spChg>
      </pc:sldChg>
      <pc:sldChg chg="modSp">
        <pc:chgData name="芳彦 植野" userId="86ab4e6fb1040a80" providerId="LiveId" clId="{7EC28CE9-89CB-4848-8096-23D98520DDE2}" dt="2023-04-10T21:25:17.074" v="436"/>
        <pc:sldMkLst>
          <pc:docMk/>
          <pc:sldMk cId="2349378730" sldId="1887"/>
        </pc:sldMkLst>
        <pc:spChg chg="mod">
          <ac:chgData name="芳彦 植野" userId="86ab4e6fb1040a80" providerId="LiveId" clId="{7EC28CE9-89CB-4848-8096-23D98520DDE2}" dt="2023-04-10T21:25:17.074" v="436"/>
          <ac:spMkLst>
            <pc:docMk/>
            <pc:sldMk cId="2349378730" sldId="1887"/>
            <ac:spMk id="8" creationId="{26126C3E-AED2-4463-B006-8C172212400F}"/>
          </ac:spMkLst>
        </pc:spChg>
      </pc:sldChg>
      <pc:sldChg chg="modSp">
        <pc:chgData name="芳彦 植野" userId="86ab4e6fb1040a80" providerId="LiveId" clId="{7EC28CE9-89CB-4848-8096-23D98520DDE2}" dt="2023-04-10T21:25:17.074" v="436"/>
        <pc:sldMkLst>
          <pc:docMk/>
          <pc:sldMk cId="3673321734" sldId="1888"/>
        </pc:sldMkLst>
        <pc:spChg chg="mod">
          <ac:chgData name="芳彦 植野" userId="86ab4e6fb1040a80" providerId="LiveId" clId="{7EC28CE9-89CB-4848-8096-23D98520DDE2}" dt="2023-04-10T21:25:17.074" v="436"/>
          <ac:spMkLst>
            <pc:docMk/>
            <pc:sldMk cId="3673321734" sldId="1888"/>
            <ac:spMk id="6" creationId="{93667513-1B48-4516-889D-2762B0A2073F}"/>
          </ac:spMkLst>
        </pc:spChg>
        <pc:spChg chg="mod">
          <ac:chgData name="芳彦 植野" userId="86ab4e6fb1040a80" providerId="LiveId" clId="{7EC28CE9-89CB-4848-8096-23D98520DDE2}" dt="2023-04-10T21:25:17.074" v="436"/>
          <ac:spMkLst>
            <pc:docMk/>
            <pc:sldMk cId="3673321734" sldId="1888"/>
            <ac:spMk id="8" creationId="{26126C3E-AED2-4463-B006-8C172212400F}"/>
          </ac:spMkLst>
        </pc:spChg>
      </pc:sldChg>
      <pc:sldChg chg="modSp">
        <pc:chgData name="芳彦 植野" userId="86ab4e6fb1040a80" providerId="LiveId" clId="{7EC28CE9-89CB-4848-8096-23D98520DDE2}" dt="2023-04-10T21:25:17.074" v="436"/>
        <pc:sldMkLst>
          <pc:docMk/>
          <pc:sldMk cId="1688588538" sldId="1889"/>
        </pc:sldMkLst>
        <pc:spChg chg="mod">
          <ac:chgData name="芳彦 植野" userId="86ab4e6fb1040a80" providerId="LiveId" clId="{7EC28CE9-89CB-4848-8096-23D98520DDE2}" dt="2023-04-10T21:25:17.074" v="436"/>
          <ac:spMkLst>
            <pc:docMk/>
            <pc:sldMk cId="1688588538" sldId="1889"/>
            <ac:spMk id="8" creationId="{26126C3E-AED2-4463-B006-8C172212400F}"/>
          </ac:spMkLst>
        </pc:spChg>
      </pc:sldChg>
      <pc:sldChg chg="modSp">
        <pc:chgData name="芳彦 植野" userId="86ab4e6fb1040a80" providerId="LiveId" clId="{7EC28CE9-89CB-4848-8096-23D98520DDE2}" dt="2023-04-10T21:25:17.074" v="436"/>
        <pc:sldMkLst>
          <pc:docMk/>
          <pc:sldMk cId="3328589009" sldId="1890"/>
        </pc:sldMkLst>
        <pc:spChg chg="mod">
          <ac:chgData name="芳彦 植野" userId="86ab4e6fb1040a80" providerId="LiveId" clId="{7EC28CE9-89CB-4848-8096-23D98520DDE2}" dt="2023-04-10T21:25:17.074" v="436"/>
          <ac:spMkLst>
            <pc:docMk/>
            <pc:sldMk cId="3328589009" sldId="1890"/>
            <ac:spMk id="6" creationId="{93667513-1B48-4516-889D-2762B0A2073F}"/>
          </ac:spMkLst>
        </pc:spChg>
        <pc:spChg chg="mod">
          <ac:chgData name="芳彦 植野" userId="86ab4e6fb1040a80" providerId="LiveId" clId="{7EC28CE9-89CB-4848-8096-23D98520DDE2}" dt="2023-04-10T21:25:17.074" v="436"/>
          <ac:spMkLst>
            <pc:docMk/>
            <pc:sldMk cId="3328589009" sldId="1890"/>
            <ac:spMk id="8" creationId="{26126C3E-AED2-4463-B006-8C172212400F}"/>
          </ac:spMkLst>
        </pc:spChg>
      </pc:sldChg>
      <pc:sldChg chg="modSp">
        <pc:chgData name="芳彦 植野" userId="86ab4e6fb1040a80" providerId="LiveId" clId="{7EC28CE9-89CB-4848-8096-23D98520DDE2}" dt="2023-04-10T21:25:17.074" v="436"/>
        <pc:sldMkLst>
          <pc:docMk/>
          <pc:sldMk cId="712169364" sldId="1891"/>
        </pc:sldMkLst>
        <pc:spChg chg="mod">
          <ac:chgData name="芳彦 植野" userId="86ab4e6fb1040a80" providerId="LiveId" clId="{7EC28CE9-89CB-4848-8096-23D98520DDE2}" dt="2023-04-10T21:25:17.074" v="436"/>
          <ac:spMkLst>
            <pc:docMk/>
            <pc:sldMk cId="712169364" sldId="1891"/>
            <ac:spMk id="8" creationId="{26126C3E-AED2-4463-B006-8C172212400F}"/>
          </ac:spMkLst>
        </pc:spChg>
      </pc:sldChg>
      <pc:sldChg chg="modSp">
        <pc:chgData name="芳彦 植野" userId="86ab4e6fb1040a80" providerId="LiveId" clId="{7EC28CE9-89CB-4848-8096-23D98520DDE2}" dt="2023-04-10T21:25:17.074" v="436"/>
        <pc:sldMkLst>
          <pc:docMk/>
          <pc:sldMk cId="727192104" sldId="1892"/>
        </pc:sldMkLst>
        <pc:spChg chg="mod">
          <ac:chgData name="芳彦 植野" userId="86ab4e6fb1040a80" providerId="LiveId" clId="{7EC28CE9-89CB-4848-8096-23D98520DDE2}" dt="2023-04-10T21:25:17.074" v="436"/>
          <ac:spMkLst>
            <pc:docMk/>
            <pc:sldMk cId="727192104" sldId="1892"/>
            <ac:spMk id="8" creationId="{26126C3E-AED2-4463-B006-8C172212400F}"/>
          </ac:spMkLst>
        </pc:spChg>
      </pc:sldChg>
      <pc:sldChg chg="modSp">
        <pc:chgData name="芳彦 植野" userId="86ab4e6fb1040a80" providerId="LiveId" clId="{7EC28CE9-89CB-4848-8096-23D98520DDE2}" dt="2023-04-10T21:25:17.074" v="436"/>
        <pc:sldMkLst>
          <pc:docMk/>
          <pc:sldMk cId="2989580019" sldId="1897"/>
        </pc:sldMkLst>
        <pc:spChg chg="mod">
          <ac:chgData name="芳彦 植野" userId="86ab4e6fb1040a80" providerId="LiveId" clId="{7EC28CE9-89CB-4848-8096-23D98520DDE2}" dt="2023-04-10T21:25:17.074" v="436"/>
          <ac:spMkLst>
            <pc:docMk/>
            <pc:sldMk cId="2989580019" sldId="1897"/>
            <ac:spMk id="8" creationId="{26126C3E-AED2-4463-B006-8C172212400F}"/>
          </ac:spMkLst>
        </pc:spChg>
      </pc:sldChg>
      <pc:sldChg chg="del">
        <pc:chgData name="芳彦 植野" userId="86ab4e6fb1040a80" providerId="LiveId" clId="{7EC28CE9-89CB-4848-8096-23D98520DDE2}" dt="2023-04-09T08:23:56.290" v="429" actId="2696"/>
        <pc:sldMkLst>
          <pc:docMk/>
          <pc:sldMk cId="128574092" sldId="1898"/>
        </pc:sldMkLst>
      </pc:sldChg>
      <pc:sldChg chg="del">
        <pc:chgData name="芳彦 植野" userId="86ab4e6fb1040a80" providerId="LiveId" clId="{7EC28CE9-89CB-4848-8096-23D98520DDE2}" dt="2023-03-29T20:38:10.267" v="382" actId="2696"/>
        <pc:sldMkLst>
          <pc:docMk/>
          <pc:sldMk cId="2881507964" sldId="1900"/>
        </pc:sldMkLst>
      </pc:sldChg>
      <pc:sldChg chg="modSp">
        <pc:chgData name="芳彦 植野" userId="86ab4e6fb1040a80" providerId="LiveId" clId="{7EC28CE9-89CB-4848-8096-23D98520DDE2}" dt="2023-04-10T21:25:17.074" v="436"/>
        <pc:sldMkLst>
          <pc:docMk/>
          <pc:sldMk cId="2084564008" sldId="1901"/>
        </pc:sldMkLst>
        <pc:spChg chg="mod">
          <ac:chgData name="芳彦 植野" userId="86ab4e6fb1040a80" providerId="LiveId" clId="{7EC28CE9-89CB-4848-8096-23D98520DDE2}" dt="2023-04-10T21:25:17.074" v="436"/>
          <ac:spMkLst>
            <pc:docMk/>
            <pc:sldMk cId="2084564008" sldId="1901"/>
            <ac:spMk id="4" creationId="{5E85E99F-68C7-4ED0-B21D-2B58B1313650}"/>
          </ac:spMkLst>
        </pc:spChg>
      </pc:sldChg>
      <pc:sldChg chg="modSp">
        <pc:chgData name="芳彦 植野" userId="86ab4e6fb1040a80" providerId="LiveId" clId="{7EC28CE9-89CB-4848-8096-23D98520DDE2}" dt="2023-04-10T21:25:17.074" v="436"/>
        <pc:sldMkLst>
          <pc:docMk/>
          <pc:sldMk cId="54445637" sldId="1902"/>
        </pc:sldMkLst>
        <pc:spChg chg="mod">
          <ac:chgData name="芳彦 植野" userId="86ab4e6fb1040a80" providerId="LiveId" clId="{7EC28CE9-89CB-4848-8096-23D98520DDE2}" dt="2023-04-10T21:25:17.074" v="436"/>
          <ac:spMkLst>
            <pc:docMk/>
            <pc:sldMk cId="54445637" sldId="1902"/>
            <ac:spMk id="4" creationId="{5E85E99F-68C7-4ED0-B21D-2B58B1313650}"/>
          </ac:spMkLst>
        </pc:spChg>
      </pc:sldChg>
      <pc:sldChg chg="del">
        <pc:chgData name="芳彦 植野" userId="86ab4e6fb1040a80" providerId="LiveId" clId="{7EC28CE9-89CB-4848-8096-23D98520DDE2}" dt="2023-04-09T08:24:42.602" v="432" actId="2696"/>
        <pc:sldMkLst>
          <pc:docMk/>
          <pc:sldMk cId="3364415536" sldId="1904"/>
        </pc:sldMkLst>
      </pc:sldChg>
      <pc:sldChg chg="modSp">
        <pc:chgData name="芳彦 植野" userId="86ab4e6fb1040a80" providerId="LiveId" clId="{7EC28CE9-89CB-4848-8096-23D98520DDE2}" dt="2023-04-10T21:25:17.074" v="436"/>
        <pc:sldMkLst>
          <pc:docMk/>
          <pc:sldMk cId="2534076626" sldId="1913"/>
        </pc:sldMkLst>
        <pc:spChg chg="mod">
          <ac:chgData name="芳彦 植野" userId="86ab4e6fb1040a80" providerId="LiveId" clId="{7EC28CE9-89CB-4848-8096-23D98520DDE2}" dt="2023-04-10T21:25:17.074" v="436"/>
          <ac:spMkLst>
            <pc:docMk/>
            <pc:sldMk cId="2534076626" sldId="1913"/>
            <ac:spMk id="4" creationId="{5E85E99F-68C7-4ED0-B21D-2B58B1313650}"/>
          </ac:spMkLst>
        </pc:spChg>
      </pc:sldChg>
      <pc:sldChg chg="modSp del mod">
        <pc:chgData name="芳彦 植野" userId="86ab4e6fb1040a80" providerId="LiveId" clId="{7EC28CE9-89CB-4848-8096-23D98520DDE2}" dt="2023-04-09T08:24:37.165" v="431" actId="2696"/>
        <pc:sldMkLst>
          <pc:docMk/>
          <pc:sldMk cId="1074150976" sldId="1914"/>
        </pc:sldMkLst>
        <pc:spChg chg="mod">
          <ac:chgData name="芳彦 植野" userId="86ab4e6fb1040a80" providerId="LiveId" clId="{7EC28CE9-89CB-4848-8096-23D98520DDE2}" dt="2023-03-29T20:37:05.922" v="380" actId="255"/>
          <ac:spMkLst>
            <pc:docMk/>
            <pc:sldMk cId="1074150976" sldId="1914"/>
            <ac:spMk id="5" creationId="{45A0685E-DAE5-426E-9898-DE33B46484BF}"/>
          </ac:spMkLst>
        </pc:spChg>
      </pc:sldChg>
      <pc:sldChg chg="del">
        <pc:chgData name="芳彦 植野" userId="86ab4e6fb1040a80" providerId="LiveId" clId="{7EC28CE9-89CB-4848-8096-23D98520DDE2}" dt="2023-03-29T20:37:15.677" v="381" actId="2696"/>
        <pc:sldMkLst>
          <pc:docMk/>
          <pc:sldMk cId="2767547239" sldId="1915"/>
        </pc:sldMkLst>
      </pc:sldChg>
      <pc:sldChg chg="del">
        <pc:chgData name="芳彦 植野" userId="86ab4e6fb1040a80" providerId="LiveId" clId="{7EC28CE9-89CB-4848-8096-23D98520DDE2}" dt="2023-03-29T20:38:39.023" v="386" actId="2696"/>
        <pc:sldMkLst>
          <pc:docMk/>
          <pc:sldMk cId="3850338047" sldId="1916"/>
        </pc:sldMkLst>
      </pc:sldChg>
      <pc:sldChg chg="modSp mod">
        <pc:chgData name="芳彦 植野" userId="86ab4e6fb1040a80" providerId="LiveId" clId="{7EC28CE9-89CB-4848-8096-23D98520DDE2}" dt="2023-05-11T21:42:06.562" v="502" actId="6549"/>
        <pc:sldMkLst>
          <pc:docMk/>
          <pc:sldMk cId="1560934184" sldId="1918"/>
        </pc:sldMkLst>
        <pc:spChg chg="mod">
          <ac:chgData name="芳彦 植野" userId="86ab4e6fb1040a80" providerId="LiveId" clId="{7EC28CE9-89CB-4848-8096-23D98520DDE2}" dt="2023-05-11T21:42:06.562" v="502" actId="6549"/>
          <ac:spMkLst>
            <pc:docMk/>
            <pc:sldMk cId="1560934184" sldId="1918"/>
            <ac:spMk id="7171" creationId="{00000000-0000-0000-0000-000000000000}"/>
          </ac:spMkLst>
        </pc:spChg>
      </pc:sldChg>
      <pc:sldChg chg="del">
        <pc:chgData name="芳彦 植野" userId="86ab4e6fb1040a80" providerId="LiveId" clId="{7EC28CE9-89CB-4848-8096-23D98520DDE2}" dt="2023-03-29T21:02:45.361" v="428" actId="2696"/>
        <pc:sldMkLst>
          <pc:docMk/>
          <pc:sldMk cId="3169086653" sldId="1919"/>
        </pc:sldMkLst>
      </pc:sldChg>
      <pc:sldChg chg="add">
        <pc:chgData name="芳彦 植野" userId="86ab4e6fb1040a80" providerId="LiveId" clId="{7EC28CE9-89CB-4848-8096-23D98520DDE2}" dt="2023-05-18T23:32:23.762" v="1237"/>
        <pc:sldMkLst>
          <pc:docMk/>
          <pc:sldMk cId="588392011" sldId="2759"/>
        </pc:sldMkLst>
      </pc:sldChg>
      <pc:sldChg chg="add">
        <pc:chgData name="芳彦 植野" userId="86ab4e6fb1040a80" providerId="LiveId" clId="{7EC28CE9-89CB-4848-8096-23D98520DDE2}" dt="2023-03-29T21:00:15.886" v="410"/>
        <pc:sldMkLst>
          <pc:docMk/>
          <pc:sldMk cId="3438407741" sldId="2777"/>
        </pc:sldMkLst>
      </pc:sldChg>
      <pc:sldChg chg="add">
        <pc:chgData name="芳彦 植野" userId="86ab4e6fb1040a80" providerId="LiveId" clId="{7EC28CE9-89CB-4848-8096-23D98520DDE2}" dt="2023-03-29T21:00:00.253" v="409"/>
        <pc:sldMkLst>
          <pc:docMk/>
          <pc:sldMk cId="3285538707" sldId="2785"/>
        </pc:sldMkLst>
      </pc:sldChg>
      <pc:sldChg chg="addSp delSp modSp add mod">
        <pc:chgData name="芳彦 植野" userId="86ab4e6fb1040a80" providerId="LiveId" clId="{7EC28CE9-89CB-4848-8096-23D98520DDE2}" dt="2023-05-13T05:37:14.226" v="624" actId="14100"/>
        <pc:sldMkLst>
          <pc:docMk/>
          <pc:sldMk cId="1633019847" sldId="2787"/>
        </pc:sldMkLst>
        <pc:spChg chg="mod">
          <ac:chgData name="芳彦 植野" userId="86ab4e6fb1040a80" providerId="LiveId" clId="{7EC28CE9-89CB-4848-8096-23D98520DDE2}" dt="2023-05-12T07:50:47.570" v="623" actId="20577"/>
          <ac:spMkLst>
            <pc:docMk/>
            <pc:sldMk cId="1633019847" sldId="2787"/>
            <ac:spMk id="11" creationId="{13B6E5AC-D157-06E2-556B-00FFAD54C87D}"/>
          </ac:spMkLst>
        </pc:spChg>
        <pc:picChg chg="add del mod">
          <ac:chgData name="芳彦 植野" userId="86ab4e6fb1040a80" providerId="LiveId" clId="{7EC28CE9-89CB-4848-8096-23D98520DDE2}" dt="2023-05-13T05:37:14.226" v="624" actId="14100"/>
          <ac:picMkLst>
            <pc:docMk/>
            <pc:sldMk cId="1633019847" sldId="2787"/>
            <ac:picMk id="13" creationId="{9211E222-B6BC-30E0-8C13-0F2EB89DBCCC}"/>
          </ac:picMkLst>
        </pc:picChg>
      </pc:sldChg>
      <pc:sldChg chg="modSp add mod">
        <pc:chgData name="芳彦 植野" userId="86ab4e6fb1040a80" providerId="LiveId" clId="{7EC28CE9-89CB-4848-8096-23D98520DDE2}" dt="2023-05-14T23:02:34.504" v="971" actId="20577"/>
        <pc:sldMkLst>
          <pc:docMk/>
          <pc:sldMk cId="3635108759" sldId="2797"/>
        </pc:sldMkLst>
        <pc:spChg chg="mod">
          <ac:chgData name="芳彦 植野" userId="86ab4e6fb1040a80" providerId="LiveId" clId="{7EC28CE9-89CB-4848-8096-23D98520DDE2}" dt="2023-05-14T23:02:34.504" v="971" actId="20577"/>
          <ac:spMkLst>
            <pc:docMk/>
            <pc:sldMk cId="3635108759" sldId="2797"/>
            <ac:spMk id="3" creationId="{D8598133-74B5-8A1F-B2D0-7BEB5779DCC0}"/>
          </ac:spMkLst>
        </pc:spChg>
      </pc:sldChg>
      <pc:sldChg chg="modSp add mod">
        <pc:chgData name="芳彦 植野" userId="86ab4e6fb1040a80" providerId="LiveId" clId="{7EC28CE9-89CB-4848-8096-23D98520DDE2}" dt="2023-05-14T23:03:57.329" v="1063" actId="20577"/>
        <pc:sldMkLst>
          <pc:docMk/>
          <pc:sldMk cId="329933421" sldId="2800"/>
        </pc:sldMkLst>
        <pc:spChg chg="mod">
          <ac:chgData name="芳彦 植野" userId="86ab4e6fb1040a80" providerId="LiveId" clId="{7EC28CE9-89CB-4848-8096-23D98520DDE2}" dt="2023-05-14T23:03:57.329" v="1063" actId="20577"/>
          <ac:spMkLst>
            <pc:docMk/>
            <pc:sldMk cId="329933421" sldId="2800"/>
            <ac:spMk id="2" creationId="{88282689-3CCA-DF53-69E7-12E8A1D16D94}"/>
          </ac:spMkLst>
        </pc:spChg>
      </pc:sldChg>
      <pc:sldChg chg="add">
        <pc:chgData name="芳彦 植野" userId="86ab4e6fb1040a80" providerId="LiveId" clId="{7EC28CE9-89CB-4848-8096-23D98520DDE2}" dt="2023-05-13T09:18:57.477" v="630"/>
        <pc:sldMkLst>
          <pc:docMk/>
          <pc:sldMk cId="0" sldId="2801"/>
        </pc:sldMkLst>
      </pc:sldChg>
      <pc:sldChg chg="add">
        <pc:chgData name="芳彦 植野" userId="86ab4e6fb1040a80" providerId="LiveId" clId="{7EC28CE9-89CB-4848-8096-23D98520DDE2}" dt="2023-05-13T09:19:10.201" v="631"/>
        <pc:sldMkLst>
          <pc:docMk/>
          <pc:sldMk cId="0" sldId="2802"/>
        </pc:sldMkLst>
      </pc:sldChg>
      <pc:sldChg chg="add">
        <pc:chgData name="芳彦 植野" userId="86ab4e6fb1040a80" providerId="LiveId" clId="{7EC28CE9-89CB-4848-8096-23D98520DDE2}" dt="2023-05-13T09:19:22.672" v="632"/>
        <pc:sldMkLst>
          <pc:docMk/>
          <pc:sldMk cId="0" sldId="2803"/>
        </pc:sldMkLst>
      </pc:sldChg>
      <pc:sldChg chg="add">
        <pc:chgData name="芳彦 植野" userId="86ab4e6fb1040a80" providerId="LiveId" clId="{7EC28CE9-89CB-4848-8096-23D98520DDE2}" dt="2023-05-13T09:19:37.232" v="633"/>
        <pc:sldMkLst>
          <pc:docMk/>
          <pc:sldMk cId="0" sldId="2806"/>
        </pc:sldMkLst>
      </pc:sldChg>
      <pc:sldChg chg="add">
        <pc:chgData name="芳彦 植野" userId="86ab4e6fb1040a80" providerId="LiveId" clId="{7EC28CE9-89CB-4848-8096-23D98520DDE2}" dt="2023-05-13T09:19:49.176" v="634"/>
        <pc:sldMkLst>
          <pc:docMk/>
          <pc:sldMk cId="0" sldId="2807"/>
        </pc:sldMkLst>
      </pc:sldChg>
      <pc:sldChg chg="add">
        <pc:chgData name="芳彦 植野" userId="86ab4e6fb1040a80" providerId="LiveId" clId="{7EC28CE9-89CB-4848-8096-23D98520DDE2}" dt="2023-03-29T21:00:43.471" v="412"/>
        <pc:sldMkLst>
          <pc:docMk/>
          <pc:sldMk cId="4165403584" sldId="2812"/>
        </pc:sldMkLst>
      </pc:sldChg>
      <pc:sldChg chg="add">
        <pc:chgData name="芳彦 植野" userId="86ab4e6fb1040a80" providerId="LiveId" clId="{7EC28CE9-89CB-4848-8096-23D98520DDE2}" dt="2023-05-13T09:18:28.817" v="628"/>
        <pc:sldMkLst>
          <pc:docMk/>
          <pc:sldMk cId="3230768064" sldId="2816"/>
        </pc:sldMkLst>
      </pc:sldChg>
      <pc:sldChg chg="add">
        <pc:chgData name="芳彦 植野" userId="86ab4e6fb1040a80" providerId="LiveId" clId="{7EC28CE9-89CB-4848-8096-23D98520DDE2}" dt="2023-03-29T20:59:44.576" v="408"/>
        <pc:sldMkLst>
          <pc:docMk/>
          <pc:sldMk cId="932093271" sldId="2818"/>
        </pc:sldMkLst>
      </pc:sldChg>
      <pc:sldChg chg="addSp modSp new mod">
        <pc:chgData name="芳彦 植野" userId="86ab4e6fb1040a80" providerId="LiveId" clId="{7EC28CE9-89CB-4848-8096-23D98520DDE2}" dt="2023-05-14T22:53:28.600" v="659" actId="1076"/>
        <pc:sldMkLst>
          <pc:docMk/>
          <pc:sldMk cId="1036248159" sldId="2819"/>
        </pc:sldMkLst>
        <pc:spChg chg="add mod">
          <ac:chgData name="芳彦 植野" userId="86ab4e6fb1040a80" providerId="LiveId" clId="{7EC28CE9-89CB-4848-8096-23D98520DDE2}" dt="2023-05-14T22:53:28.600" v="659" actId="1076"/>
          <ac:spMkLst>
            <pc:docMk/>
            <pc:sldMk cId="1036248159" sldId="2819"/>
            <ac:spMk id="4" creationId="{88235D42-CDD6-00F7-3144-9F438A3B0090}"/>
          </ac:spMkLst>
        </pc:spChg>
      </pc:sldChg>
      <pc:sldChg chg="addSp modSp new del mod">
        <pc:chgData name="芳彦 植野" userId="86ab4e6fb1040a80" providerId="LiveId" clId="{7EC28CE9-89CB-4848-8096-23D98520DDE2}" dt="2023-05-11T22:28:33.540" v="609" actId="2696"/>
        <pc:sldMkLst>
          <pc:docMk/>
          <pc:sldMk cId="1361419851" sldId="2819"/>
        </pc:sldMkLst>
        <pc:spChg chg="add mod">
          <ac:chgData name="芳彦 植野" userId="86ab4e6fb1040a80" providerId="LiveId" clId="{7EC28CE9-89CB-4848-8096-23D98520DDE2}" dt="2023-05-11T22:28:28.339" v="608" actId="6549"/>
          <ac:spMkLst>
            <pc:docMk/>
            <pc:sldMk cId="1361419851" sldId="2819"/>
            <ac:spMk id="3" creationId="{31E73EB3-630F-EB65-4368-A2072B08AC47}"/>
          </ac:spMkLst>
        </pc:spChg>
      </pc:sldChg>
      <pc:sldChg chg="addSp modSp new mod">
        <pc:chgData name="芳彦 植野" userId="86ab4e6fb1040a80" providerId="LiveId" clId="{7EC28CE9-89CB-4848-8096-23D98520DDE2}" dt="2023-05-14T22:54:17.484" v="669" actId="14100"/>
        <pc:sldMkLst>
          <pc:docMk/>
          <pc:sldMk cId="696246196" sldId="2820"/>
        </pc:sldMkLst>
        <pc:spChg chg="add mod">
          <ac:chgData name="芳彦 植野" userId="86ab4e6fb1040a80" providerId="LiveId" clId="{7EC28CE9-89CB-4848-8096-23D98520DDE2}" dt="2023-05-14T22:53:45.983" v="662" actId="14100"/>
          <ac:spMkLst>
            <pc:docMk/>
            <pc:sldMk cId="696246196" sldId="2820"/>
            <ac:spMk id="4" creationId="{1660238F-DB35-33B8-9642-387173497616}"/>
          </ac:spMkLst>
        </pc:spChg>
        <pc:spChg chg="add mod">
          <ac:chgData name="芳彦 植野" userId="86ab4e6fb1040a80" providerId="LiveId" clId="{7EC28CE9-89CB-4848-8096-23D98520DDE2}" dt="2023-05-14T22:54:17.484" v="669" actId="14100"/>
          <ac:spMkLst>
            <pc:docMk/>
            <pc:sldMk cId="696246196" sldId="2820"/>
            <ac:spMk id="6" creationId="{9AAC3783-4AD3-35B5-BCA8-47E35860EAB7}"/>
          </ac:spMkLst>
        </pc:spChg>
      </pc:sldChg>
      <pc:sldChg chg="addSp delSp modSp new del mod">
        <pc:chgData name="芳彦 植野" userId="86ab4e6fb1040a80" providerId="LiveId" clId="{7EC28CE9-89CB-4848-8096-23D98520DDE2}" dt="2023-05-14T22:54:22.217" v="670" actId="2696"/>
        <pc:sldMkLst>
          <pc:docMk/>
          <pc:sldMk cId="4232643495" sldId="2821"/>
        </pc:sldMkLst>
        <pc:spChg chg="add del mod">
          <ac:chgData name="芳彦 植野" userId="86ab4e6fb1040a80" providerId="LiveId" clId="{7EC28CE9-89CB-4848-8096-23D98520DDE2}" dt="2023-05-14T22:53:58.028" v="665"/>
          <ac:spMkLst>
            <pc:docMk/>
            <pc:sldMk cId="4232643495" sldId="2821"/>
            <ac:spMk id="4" creationId="{077897BF-107D-92E2-3427-54B4D5FE3F2A}"/>
          </ac:spMkLst>
        </pc:spChg>
      </pc:sldChg>
      <pc:sldChg chg="addSp modSp new mod">
        <pc:chgData name="芳彦 植野" userId="86ab4e6fb1040a80" providerId="LiveId" clId="{7EC28CE9-89CB-4848-8096-23D98520DDE2}" dt="2023-05-14T22:55:07.961" v="681" actId="1076"/>
        <pc:sldMkLst>
          <pc:docMk/>
          <pc:sldMk cId="1020981591" sldId="2822"/>
        </pc:sldMkLst>
        <pc:spChg chg="add mod">
          <ac:chgData name="芳彦 植野" userId="86ab4e6fb1040a80" providerId="LiveId" clId="{7EC28CE9-89CB-4848-8096-23D98520DDE2}" dt="2023-05-14T22:54:39.855" v="674" actId="1076"/>
          <ac:spMkLst>
            <pc:docMk/>
            <pc:sldMk cId="1020981591" sldId="2822"/>
            <ac:spMk id="4" creationId="{52838A62-6051-3BF9-55EF-69AF26B8EA96}"/>
          </ac:spMkLst>
        </pc:spChg>
        <pc:spChg chg="add mod">
          <ac:chgData name="芳彦 植野" userId="86ab4e6fb1040a80" providerId="LiveId" clId="{7EC28CE9-89CB-4848-8096-23D98520DDE2}" dt="2023-05-14T22:55:07.961" v="681" actId="1076"/>
          <ac:spMkLst>
            <pc:docMk/>
            <pc:sldMk cId="1020981591" sldId="2822"/>
            <ac:spMk id="5" creationId="{C59E0226-0E1B-0481-826E-25B9AD50A9E3}"/>
          </ac:spMkLst>
        </pc:spChg>
      </pc:sldChg>
      <pc:sldChg chg="addSp delSp modSp new del mod">
        <pc:chgData name="芳彦 植野" userId="86ab4e6fb1040a80" providerId="LiveId" clId="{7EC28CE9-89CB-4848-8096-23D98520DDE2}" dt="2023-05-14T22:55:10.592" v="682" actId="2696"/>
        <pc:sldMkLst>
          <pc:docMk/>
          <pc:sldMk cId="3361292292" sldId="2823"/>
        </pc:sldMkLst>
        <pc:spChg chg="add del mod">
          <ac:chgData name="芳彦 植野" userId="86ab4e6fb1040a80" providerId="LiveId" clId="{7EC28CE9-89CB-4848-8096-23D98520DDE2}" dt="2023-05-14T22:54:57.814" v="679" actId="21"/>
          <ac:spMkLst>
            <pc:docMk/>
            <pc:sldMk cId="3361292292" sldId="2823"/>
            <ac:spMk id="4" creationId="{ED1AC317-581C-3E7B-AEA0-C24C0CAFCBE9}"/>
          </ac:spMkLst>
        </pc:spChg>
      </pc:sldChg>
      <pc:sldChg chg="addSp modSp new mod">
        <pc:chgData name="芳彦 植野" userId="86ab4e6fb1040a80" providerId="LiveId" clId="{7EC28CE9-89CB-4848-8096-23D98520DDE2}" dt="2023-05-14T22:56:04.050" v="691" actId="1076"/>
        <pc:sldMkLst>
          <pc:docMk/>
          <pc:sldMk cId="3551993403" sldId="2824"/>
        </pc:sldMkLst>
        <pc:spChg chg="add mod">
          <ac:chgData name="芳彦 植野" userId="86ab4e6fb1040a80" providerId="LiveId" clId="{7EC28CE9-89CB-4848-8096-23D98520DDE2}" dt="2023-05-14T22:55:27.392" v="685" actId="1076"/>
          <ac:spMkLst>
            <pc:docMk/>
            <pc:sldMk cId="3551993403" sldId="2824"/>
            <ac:spMk id="4" creationId="{B8581028-5029-3FBF-DB47-F4640FDD3A85}"/>
          </ac:spMkLst>
        </pc:spChg>
        <pc:spChg chg="add mod">
          <ac:chgData name="芳彦 植野" userId="86ab4e6fb1040a80" providerId="LiveId" clId="{7EC28CE9-89CB-4848-8096-23D98520DDE2}" dt="2023-05-14T22:56:04.050" v="691" actId="1076"/>
          <ac:spMkLst>
            <pc:docMk/>
            <pc:sldMk cId="3551993403" sldId="2824"/>
            <ac:spMk id="5" creationId="{996B136C-5EE5-FC8D-FEA2-3C9234412CA2}"/>
          </ac:spMkLst>
        </pc:spChg>
      </pc:sldChg>
      <pc:sldChg chg="addSp delSp modSp new del mod">
        <pc:chgData name="芳彦 植野" userId="86ab4e6fb1040a80" providerId="LiveId" clId="{7EC28CE9-89CB-4848-8096-23D98520DDE2}" dt="2023-05-14T22:56:12.021" v="692" actId="2696"/>
        <pc:sldMkLst>
          <pc:docMk/>
          <pc:sldMk cId="1579150521" sldId="2825"/>
        </pc:sldMkLst>
        <pc:spChg chg="add del mod">
          <ac:chgData name="芳彦 植野" userId="86ab4e6fb1040a80" providerId="LiveId" clId="{7EC28CE9-89CB-4848-8096-23D98520DDE2}" dt="2023-05-14T22:55:55.556" v="689" actId="21"/>
          <ac:spMkLst>
            <pc:docMk/>
            <pc:sldMk cId="1579150521" sldId="2825"/>
            <ac:spMk id="4" creationId="{FC42A326-5CC5-96C9-9487-56CD0F73A2AC}"/>
          </ac:spMkLst>
        </pc:spChg>
      </pc:sldChg>
      <pc:sldChg chg="addSp modSp new mod">
        <pc:chgData name="芳彦 植野" userId="86ab4e6fb1040a80" providerId="LiveId" clId="{7EC28CE9-89CB-4848-8096-23D98520DDE2}" dt="2023-05-14T22:56:30.679" v="697" actId="1076"/>
        <pc:sldMkLst>
          <pc:docMk/>
          <pc:sldMk cId="1522074106" sldId="2826"/>
        </pc:sldMkLst>
        <pc:spChg chg="add mod">
          <ac:chgData name="芳彦 植野" userId="86ab4e6fb1040a80" providerId="LiveId" clId="{7EC28CE9-89CB-4848-8096-23D98520DDE2}" dt="2023-05-14T22:56:30.679" v="697" actId="1076"/>
          <ac:spMkLst>
            <pc:docMk/>
            <pc:sldMk cId="1522074106" sldId="2826"/>
            <ac:spMk id="4" creationId="{66BF4DC6-3638-45A7-0D96-15D8EF269042}"/>
          </ac:spMkLst>
        </pc:spChg>
      </pc:sldChg>
      <pc:sldChg chg="addSp delSp modSp new mod">
        <pc:chgData name="芳彦 植野" userId="86ab4e6fb1040a80" providerId="LiveId" clId="{7EC28CE9-89CB-4848-8096-23D98520DDE2}" dt="2023-05-16T20:13:02.582" v="1068" actId="1076"/>
        <pc:sldMkLst>
          <pc:docMk/>
          <pc:sldMk cId="1412489183" sldId="2827"/>
        </pc:sldMkLst>
        <pc:spChg chg="add mod">
          <ac:chgData name="芳彦 植野" userId="86ab4e6fb1040a80" providerId="LiveId" clId="{7EC28CE9-89CB-4848-8096-23D98520DDE2}" dt="2023-05-16T20:13:02.582" v="1068" actId="1076"/>
          <ac:spMkLst>
            <pc:docMk/>
            <pc:sldMk cId="1412489183" sldId="2827"/>
            <ac:spMk id="3" creationId="{E969E3BF-F20D-CA4F-7A9F-017C97574EEA}"/>
          </ac:spMkLst>
        </pc:spChg>
        <pc:spChg chg="add mod">
          <ac:chgData name="芳彦 植野" userId="86ab4e6fb1040a80" providerId="LiveId" clId="{7EC28CE9-89CB-4848-8096-23D98520DDE2}" dt="2023-05-14T23:00:36.191" v="910" actId="20577"/>
          <ac:spMkLst>
            <pc:docMk/>
            <pc:sldMk cId="1412489183" sldId="2827"/>
            <ac:spMk id="4" creationId="{3D057108-4874-2C4E-7436-9BCB5F52310D}"/>
          </ac:spMkLst>
        </pc:spChg>
        <pc:spChg chg="add del">
          <ac:chgData name="芳彦 植野" userId="86ab4e6fb1040a80" providerId="LiveId" clId="{7EC28CE9-89CB-4848-8096-23D98520DDE2}" dt="2023-05-14T22:59:54.815" v="898" actId="21"/>
          <ac:spMkLst>
            <pc:docMk/>
            <pc:sldMk cId="1412489183" sldId="2827"/>
            <ac:spMk id="5" creationId="{49799E9B-8D60-1EBF-31C3-E59B92040A63}"/>
          </ac:spMkLst>
        </pc:spChg>
      </pc:sldChg>
      <pc:sldChg chg="del">
        <pc:chgData name="芳彦 植野" userId="86ab4e6fb1040a80" providerId="LiveId" clId="{7EC28CE9-89CB-4848-8096-23D98520DDE2}" dt="2023-05-13T09:21:02.407" v="637" actId="2696"/>
        <pc:sldMkLst>
          <pc:docMk/>
          <pc:sldMk cId="4008411034" sldId="2835"/>
        </pc:sldMkLst>
      </pc:sldChg>
      <pc:sldChg chg="del">
        <pc:chgData name="芳彦 植野" userId="86ab4e6fb1040a80" providerId="LiveId" clId="{7EC28CE9-89CB-4848-8096-23D98520DDE2}" dt="2023-05-13T09:20:57.324" v="636" actId="2696"/>
        <pc:sldMkLst>
          <pc:docMk/>
          <pc:sldMk cId="4229161292" sldId="2836"/>
        </pc:sldMkLst>
      </pc:sldChg>
      <pc:sldChg chg="new del">
        <pc:chgData name="芳彦 植野" userId="86ab4e6fb1040a80" providerId="LiveId" clId="{7EC28CE9-89CB-4848-8096-23D98520DDE2}" dt="2023-05-11T22:27:01.550" v="571" actId="2696"/>
        <pc:sldMkLst>
          <pc:docMk/>
          <pc:sldMk cId="528607447" sldId="2837"/>
        </pc:sldMkLst>
      </pc:sldChg>
      <pc:sldMasterChg chg="delSldLayout">
        <pc:chgData name="芳彦 植野" userId="86ab4e6fb1040a80" providerId="LiveId" clId="{7EC28CE9-89CB-4848-8096-23D98520DDE2}" dt="2023-03-29T21:02:40.434" v="427" actId="2696"/>
        <pc:sldMasterMkLst>
          <pc:docMk/>
          <pc:sldMasterMk cId="459594392" sldId="2147483660"/>
        </pc:sldMasterMkLst>
        <pc:sldLayoutChg chg="del">
          <pc:chgData name="芳彦 植野" userId="86ab4e6fb1040a80" providerId="LiveId" clId="{7EC28CE9-89CB-4848-8096-23D98520DDE2}" dt="2023-03-29T21:02:40.434" v="427" actId="2696"/>
          <pc:sldLayoutMkLst>
            <pc:docMk/>
            <pc:sldMasterMk cId="459594392" sldId="2147483660"/>
            <pc:sldLayoutMk cId="2680757571" sldId="2147483661"/>
          </pc:sldLayoutMkLst>
        </pc:sldLayoutChg>
      </pc:sldMasterChg>
    </pc:docChg>
  </pc:docChgLst>
  <pc:docChgLst>
    <pc:chgData name="植野 芳彦" userId="86ab4e6fb1040a80" providerId="LiveId" clId="{7EC28CE9-89CB-4848-8096-23D98520DDE2}"/>
    <pc:docChg chg="custSel addSld delSld modSld">
      <pc:chgData name="植野 芳彦" userId="86ab4e6fb1040a80" providerId="LiveId" clId="{7EC28CE9-89CB-4848-8096-23D98520DDE2}" dt="2023-05-04T09:15:14.879" v="832" actId="20577"/>
      <pc:docMkLst>
        <pc:docMk/>
      </pc:docMkLst>
      <pc:sldChg chg="del">
        <pc:chgData name="植野 芳彦" userId="86ab4e6fb1040a80" providerId="LiveId" clId="{7EC28CE9-89CB-4848-8096-23D98520DDE2}" dt="2023-03-12T00:56:51.125" v="0" actId="2696"/>
        <pc:sldMkLst>
          <pc:docMk/>
          <pc:sldMk cId="2275344708" sldId="257"/>
        </pc:sldMkLst>
      </pc:sldChg>
      <pc:sldChg chg="add">
        <pc:chgData name="植野 芳彦" userId="86ab4e6fb1040a80" providerId="LiveId" clId="{7EC28CE9-89CB-4848-8096-23D98520DDE2}" dt="2023-03-12T07:40:04.372" v="89"/>
        <pc:sldMkLst>
          <pc:docMk/>
          <pc:sldMk cId="380696628" sldId="263"/>
        </pc:sldMkLst>
      </pc:sldChg>
      <pc:sldChg chg="add">
        <pc:chgData name="植野 芳彦" userId="86ab4e6fb1040a80" providerId="LiveId" clId="{7EC28CE9-89CB-4848-8096-23D98520DDE2}" dt="2023-03-12T07:39:40.564" v="80"/>
        <pc:sldMkLst>
          <pc:docMk/>
          <pc:sldMk cId="3403824860" sldId="266"/>
        </pc:sldMkLst>
      </pc:sldChg>
      <pc:sldChg chg="add">
        <pc:chgData name="植野 芳彦" userId="86ab4e6fb1040a80" providerId="LiveId" clId="{7EC28CE9-89CB-4848-8096-23D98520DDE2}" dt="2023-03-12T07:39:54.256" v="82"/>
        <pc:sldMkLst>
          <pc:docMk/>
          <pc:sldMk cId="2571136845" sldId="267"/>
        </pc:sldMkLst>
      </pc:sldChg>
      <pc:sldChg chg="add">
        <pc:chgData name="植野 芳彦" userId="86ab4e6fb1040a80" providerId="LiveId" clId="{7EC28CE9-89CB-4848-8096-23D98520DDE2}" dt="2023-03-12T07:40:01.186" v="88"/>
        <pc:sldMkLst>
          <pc:docMk/>
          <pc:sldMk cId="2377427756" sldId="268"/>
        </pc:sldMkLst>
      </pc:sldChg>
      <pc:sldChg chg="add">
        <pc:chgData name="植野 芳彦" userId="86ab4e6fb1040a80" providerId="LiveId" clId="{7EC28CE9-89CB-4848-8096-23D98520DDE2}" dt="2023-03-12T07:39:54.918" v="83"/>
        <pc:sldMkLst>
          <pc:docMk/>
          <pc:sldMk cId="1853193874" sldId="269"/>
        </pc:sldMkLst>
      </pc:sldChg>
      <pc:sldChg chg="add">
        <pc:chgData name="植野 芳彦" userId="86ab4e6fb1040a80" providerId="LiveId" clId="{7EC28CE9-89CB-4848-8096-23D98520DDE2}" dt="2023-03-12T07:39:55.695" v="84"/>
        <pc:sldMkLst>
          <pc:docMk/>
          <pc:sldMk cId="2618148430" sldId="272"/>
        </pc:sldMkLst>
      </pc:sldChg>
      <pc:sldChg chg="add">
        <pc:chgData name="植野 芳彦" userId="86ab4e6fb1040a80" providerId="LiveId" clId="{7EC28CE9-89CB-4848-8096-23D98520DDE2}" dt="2023-03-12T07:40:00.072" v="86"/>
        <pc:sldMkLst>
          <pc:docMk/>
          <pc:sldMk cId="3503254782" sldId="273"/>
        </pc:sldMkLst>
      </pc:sldChg>
      <pc:sldChg chg="add">
        <pc:chgData name="植野 芳彦" userId="86ab4e6fb1040a80" providerId="LiveId" clId="{7EC28CE9-89CB-4848-8096-23D98520DDE2}" dt="2023-03-12T07:39:56.399" v="85"/>
        <pc:sldMkLst>
          <pc:docMk/>
          <pc:sldMk cId="298309805" sldId="275"/>
        </pc:sldMkLst>
      </pc:sldChg>
      <pc:sldChg chg="add">
        <pc:chgData name="植野 芳彦" userId="86ab4e6fb1040a80" providerId="LiveId" clId="{7EC28CE9-89CB-4848-8096-23D98520DDE2}" dt="2023-03-12T07:39:48.015" v="81"/>
        <pc:sldMkLst>
          <pc:docMk/>
          <pc:sldMk cId="69164070" sldId="276"/>
        </pc:sldMkLst>
      </pc:sldChg>
      <pc:sldChg chg="add del">
        <pc:chgData name="植野 芳彦" userId="86ab4e6fb1040a80" providerId="LiveId" clId="{7EC28CE9-89CB-4848-8096-23D98520DDE2}" dt="2023-03-12T07:46:25.239" v="190" actId="2696"/>
        <pc:sldMkLst>
          <pc:docMk/>
          <pc:sldMk cId="251458553" sldId="285"/>
        </pc:sldMkLst>
      </pc:sldChg>
      <pc:sldChg chg="delSp modSp add mod">
        <pc:chgData name="植野 芳彦" userId="86ab4e6fb1040a80" providerId="LiveId" clId="{7EC28CE9-89CB-4848-8096-23D98520DDE2}" dt="2023-03-12T07:43:21.039" v="113" actId="21"/>
        <pc:sldMkLst>
          <pc:docMk/>
          <pc:sldMk cId="3205594311" sldId="289"/>
        </pc:sldMkLst>
        <pc:spChg chg="del">
          <ac:chgData name="植野 芳彦" userId="86ab4e6fb1040a80" providerId="LiveId" clId="{7EC28CE9-89CB-4848-8096-23D98520DDE2}" dt="2023-03-12T07:43:13.510" v="111" actId="21"/>
          <ac:spMkLst>
            <pc:docMk/>
            <pc:sldMk cId="3205594311" sldId="289"/>
            <ac:spMk id="6" creationId="{0D6E5E40-D56F-4769-B11F-D2AB42588132}"/>
          </ac:spMkLst>
        </pc:spChg>
        <pc:spChg chg="del">
          <ac:chgData name="植野 芳彦" userId="86ab4e6fb1040a80" providerId="LiveId" clId="{7EC28CE9-89CB-4848-8096-23D98520DDE2}" dt="2023-03-12T07:43:21.039" v="113" actId="21"/>
          <ac:spMkLst>
            <pc:docMk/>
            <pc:sldMk cId="3205594311" sldId="289"/>
            <ac:spMk id="11" creationId="{B88116BC-B80E-4D02-ADE9-675BE88CDB60}"/>
          </ac:spMkLst>
        </pc:spChg>
        <pc:cxnChg chg="del mod">
          <ac:chgData name="植野 芳彦" userId="86ab4e6fb1040a80" providerId="LiveId" clId="{7EC28CE9-89CB-4848-8096-23D98520DDE2}" dt="2023-03-12T07:43:17.356" v="112" actId="21"/>
          <ac:cxnSpMkLst>
            <pc:docMk/>
            <pc:sldMk cId="3205594311" sldId="289"/>
            <ac:cxnSpMk id="7" creationId="{568D2F14-5704-4747-831D-E439A6579C90}"/>
          </ac:cxnSpMkLst>
        </pc:cxnChg>
      </pc:sldChg>
      <pc:sldChg chg="delSp modSp add mod">
        <pc:chgData name="植野 芳彦" userId="86ab4e6fb1040a80" providerId="LiveId" clId="{7EC28CE9-89CB-4848-8096-23D98520DDE2}" dt="2023-03-12T07:43:38.292" v="116" actId="21"/>
        <pc:sldMkLst>
          <pc:docMk/>
          <pc:sldMk cId="3937498274" sldId="290"/>
        </pc:sldMkLst>
        <pc:spChg chg="del">
          <ac:chgData name="植野 芳彦" userId="86ab4e6fb1040a80" providerId="LiveId" clId="{7EC28CE9-89CB-4848-8096-23D98520DDE2}" dt="2023-03-12T07:43:31.600" v="114" actId="21"/>
          <ac:spMkLst>
            <pc:docMk/>
            <pc:sldMk cId="3937498274" sldId="290"/>
            <ac:spMk id="15" creationId="{134D29E6-85FB-4C1E-BF88-372B1E692634}"/>
          </ac:spMkLst>
        </pc:spChg>
        <pc:spChg chg="del">
          <ac:chgData name="植野 芳彦" userId="86ab4e6fb1040a80" providerId="LiveId" clId="{7EC28CE9-89CB-4848-8096-23D98520DDE2}" dt="2023-03-12T07:43:38.292" v="116" actId="21"/>
          <ac:spMkLst>
            <pc:docMk/>
            <pc:sldMk cId="3937498274" sldId="290"/>
            <ac:spMk id="20" creationId="{DF5A66D6-A509-43B5-B361-676F1EF5E176}"/>
          </ac:spMkLst>
        </pc:spChg>
        <pc:cxnChg chg="del mod">
          <ac:chgData name="植野 芳彦" userId="86ab4e6fb1040a80" providerId="LiveId" clId="{7EC28CE9-89CB-4848-8096-23D98520DDE2}" dt="2023-03-12T07:43:34.953" v="115" actId="21"/>
          <ac:cxnSpMkLst>
            <pc:docMk/>
            <pc:sldMk cId="3937498274" sldId="290"/>
            <ac:cxnSpMk id="16" creationId="{1A054275-93D3-49BF-ADF3-286C9DAF87B3}"/>
          </ac:cxnSpMkLst>
        </pc:cxnChg>
      </pc:sldChg>
      <pc:sldChg chg="del">
        <pc:chgData name="植野 芳彦" userId="86ab4e6fb1040a80" providerId="LiveId" clId="{7EC28CE9-89CB-4848-8096-23D98520DDE2}" dt="2023-03-12T01:01:03.103" v="17" actId="2696"/>
        <pc:sldMkLst>
          <pc:docMk/>
          <pc:sldMk cId="2462222318" sldId="340"/>
        </pc:sldMkLst>
      </pc:sldChg>
      <pc:sldChg chg="add">
        <pc:chgData name="植野 芳彦" userId="86ab4e6fb1040a80" providerId="LiveId" clId="{7EC28CE9-89CB-4848-8096-23D98520DDE2}" dt="2023-03-12T07:40:05.042" v="90"/>
        <pc:sldMkLst>
          <pc:docMk/>
          <pc:sldMk cId="581474170" sldId="429"/>
        </pc:sldMkLst>
      </pc:sldChg>
      <pc:sldChg chg="add">
        <pc:chgData name="植野 芳彦" userId="86ab4e6fb1040a80" providerId="LiveId" clId="{7EC28CE9-89CB-4848-8096-23D98520DDE2}" dt="2023-03-12T07:40:12.013" v="96"/>
        <pc:sldMkLst>
          <pc:docMk/>
          <pc:sldMk cId="2043807753" sldId="430"/>
        </pc:sldMkLst>
      </pc:sldChg>
      <pc:sldChg chg="add">
        <pc:chgData name="植野 芳彦" userId="86ab4e6fb1040a80" providerId="LiveId" clId="{7EC28CE9-89CB-4848-8096-23D98520DDE2}" dt="2023-03-12T07:40:05.664" v="91"/>
        <pc:sldMkLst>
          <pc:docMk/>
          <pc:sldMk cId="1092910256" sldId="431"/>
        </pc:sldMkLst>
      </pc:sldChg>
      <pc:sldChg chg="add del">
        <pc:chgData name="植野 芳彦" userId="86ab4e6fb1040a80" providerId="LiveId" clId="{7EC28CE9-89CB-4848-8096-23D98520DDE2}" dt="2023-03-12T07:40:57.638" v="109" actId="2696"/>
        <pc:sldMkLst>
          <pc:docMk/>
          <pc:sldMk cId="2041753218" sldId="432"/>
        </pc:sldMkLst>
      </pc:sldChg>
      <pc:sldChg chg="add del">
        <pc:chgData name="植野 芳彦" userId="86ab4e6fb1040a80" providerId="LiveId" clId="{7EC28CE9-89CB-4848-8096-23D98520DDE2}" dt="2023-03-12T07:41:08.278" v="110" actId="2696"/>
        <pc:sldMkLst>
          <pc:docMk/>
          <pc:sldMk cId="1435832339" sldId="434"/>
        </pc:sldMkLst>
      </pc:sldChg>
      <pc:sldChg chg="add">
        <pc:chgData name="植野 芳彦" userId="86ab4e6fb1040a80" providerId="LiveId" clId="{7EC28CE9-89CB-4848-8096-23D98520DDE2}" dt="2023-03-12T07:40:10.916" v="94"/>
        <pc:sldMkLst>
          <pc:docMk/>
          <pc:sldMk cId="3634110474" sldId="436"/>
        </pc:sldMkLst>
      </pc:sldChg>
      <pc:sldChg chg="add">
        <pc:chgData name="植野 芳彦" userId="86ab4e6fb1040a80" providerId="LiveId" clId="{7EC28CE9-89CB-4848-8096-23D98520DDE2}" dt="2023-03-12T07:40:11.469" v="95"/>
        <pc:sldMkLst>
          <pc:docMk/>
          <pc:sldMk cId="3947576437" sldId="438"/>
        </pc:sldMkLst>
      </pc:sldChg>
      <pc:sldChg chg="add">
        <pc:chgData name="植野 芳彦" userId="86ab4e6fb1040a80" providerId="LiveId" clId="{7EC28CE9-89CB-4848-8096-23D98520DDE2}" dt="2023-03-12T07:40:14.766" v="97"/>
        <pc:sldMkLst>
          <pc:docMk/>
          <pc:sldMk cId="706757768" sldId="440"/>
        </pc:sldMkLst>
      </pc:sldChg>
      <pc:sldChg chg="add">
        <pc:chgData name="植野 芳彦" userId="86ab4e6fb1040a80" providerId="LiveId" clId="{7EC28CE9-89CB-4848-8096-23D98520DDE2}" dt="2023-03-12T07:40:15.761" v="98"/>
        <pc:sldMkLst>
          <pc:docMk/>
          <pc:sldMk cId="1176239610" sldId="441"/>
        </pc:sldMkLst>
      </pc:sldChg>
      <pc:sldChg chg="add">
        <pc:chgData name="植野 芳彦" userId="86ab4e6fb1040a80" providerId="LiveId" clId="{7EC28CE9-89CB-4848-8096-23D98520DDE2}" dt="2023-03-12T07:40:18.080" v="99"/>
        <pc:sldMkLst>
          <pc:docMk/>
          <pc:sldMk cId="3314118750" sldId="442"/>
        </pc:sldMkLst>
      </pc:sldChg>
      <pc:sldChg chg="add">
        <pc:chgData name="植野 芳彦" userId="86ab4e6fb1040a80" providerId="LiveId" clId="{7EC28CE9-89CB-4848-8096-23D98520DDE2}" dt="2023-03-12T07:40:20.699" v="100"/>
        <pc:sldMkLst>
          <pc:docMk/>
          <pc:sldMk cId="610592517" sldId="443"/>
        </pc:sldMkLst>
      </pc:sldChg>
      <pc:sldChg chg="add">
        <pc:chgData name="植野 芳彦" userId="86ab4e6fb1040a80" providerId="LiveId" clId="{7EC28CE9-89CB-4848-8096-23D98520DDE2}" dt="2023-03-12T07:40:21.365" v="101"/>
        <pc:sldMkLst>
          <pc:docMk/>
          <pc:sldMk cId="706788537" sldId="444"/>
        </pc:sldMkLst>
      </pc:sldChg>
      <pc:sldChg chg="add">
        <pc:chgData name="植野 芳彦" userId="86ab4e6fb1040a80" providerId="LiveId" clId="{7EC28CE9-89CB-4848-8096-23D98520DDE2}" dt="2023-03-12T07:40:22.527" v="102"/>
        <pc:sldMkLst>
          <pc:docMk/>
          <pc:sldMk cId="1420854522" sldId="445"/>
        </pc:sldMkLst>
      </pc:sldChg>
      <pc:sldChg chg="add">
        <pc:chgData name="植野 芳彦" userId="86ab4e6fb1040a80" providerId="LiveId" clId="{7EC28CE9-89CB-4848-8096-23D98520DDE2}" dt="2023-03-12T07:40:00.623" v="87"/>
        <pc:sldMkLst>
          <pc:docMk/>
          <pc:sldMk cId="913778073" sldId="450"/>
        </pc:sldMkLst>
      </pc:sldChg>
      <pc:sldChg chg="modSp del mod">
        <pc:chgData name="植野 芳彦" userId="86ab4e6fb1040a80" providerId="LiveId" clId="{7EC28CE9-89CB-4848-8096-23D98520DDE2}" dt="2023-05-01T23:10:56.223" v="229" actId="2696"/>
        <pc:sldMkLst>
          <pc:docMk/>
          <pc:sldMk cId="262366426" sldId="658"/>
        </pc:sldMkLst>
        <pc:spChg chg="mod">
          <ac:chgData name="植野 芳彦" userId="86ab4e6fb1040a80" providerId="LiveId" clId="{7EC28CE9-89CB-4848-8096-23D98520DDE2}" dt="2023-03-14T23:21:46.459" v="209" actId="1076"/>
          <ac:spMkLst>
            <pc:docMk/>
            <pc:sldMk cId="262366426" sldId="658"/>
            <ac:spMk id="12" creationId="{FA977B63-74CE-4ED5-A043-D8F0E0D90E43}"/>
          </ac:spMkLst>
        </pc:spChg>
      </pc:sldChg>
      <pc:sldChg chg="add del">
        <pc:chgData name="植野 芳彦" userId="86ab4e6fb1040a80" providerId="LiveId" clId="{7EC28CE9-89CB-4848-8096-23D98520DDE2}" dt="2023-03-12T07:46:52.240" v="195" actId="2696"/>
        <pc:sldMkLst>
          <pc:docMk/>
          <pc:sldMk cId="3648696230" sldId="804"/>
        </pc:sldMkLst>
      </pc:sldChg>
      <pc:sldChg chg="add">
        <pc:chgData name="植野 芳彦" userId="86ab4e6fb1040a80" providerId="LiveId" clId="{7EC28CE9-89CB-4848-8096-23D98520DDE2}" dt="2023-05-03T06:23:27.263" v="263"/>
        <pc:sldMkLst>
          <pc:docMk/>
          <pc:sldMk cId="0" sldId="942"/>
        </pc:sldMkLst>
      </pc:sldChg>
      <pc:sldChg chg="add">
        <pc:chgData name="植野 芳彦" userId="86ab4e6fb1040a80" providerId="LiveId" clId="{7EC28CE9-89CB-4848-8096-23D98520DDE2}" dt="2023-05-03T06:23:42.648" v="264"/>
        <pc:sldMkLst>
          <pc:docMk/>
          <pc:sldMk cId="0" sldId="943"/>
        </pc:sldMkLst>
      </pc:sldChg>
      <pc:sldChg chg="add">
        <pc:chgData name="植野 芳彦" userId="86ab4e6fb1040a80" providerId="LiveId" clId="{7EC28CE9-89CB-4848-8096-23D98520DDE2}" dt="2023-05-03T06:26:22.128" v="270"/>
        <pc:sldMkLst>
          <pc:docMk/>
          <pc:sldMk cId="0" sldId="962"/>
        </pc:sldMkLst>
      </pc:sldChg>
      <pc:sldChg chg="add">
        <pc:chgData name="植野 芳彦" userId="86ab4e6fb1040a80" providerId="LiveId" clId="{7EC28CE9-89CB-4848-8096-23D98520DDE2}" dt="2023-05-03T06:24:59.243" v="268"/>
        <pc:sldMkLst>
          <pc:docMk/>
          <pc:sldMk cId="0" sldId="967"/>
        </pc:sldMkLst>
      </pc:sldChg>
      <pc:sldChg chg="modSp add mod">
        <pc:chgData name="植野 芳彦" userId="86ab4e6fb1040a80" providerId="LiveId" clId="{7EC28CE9-89CB-4848-8096-23D98520DDE2}" dt="2023-05-04T09:03:00.735" v="368" actId="20577"/>
        <pc:sldMkLst>
          <pc:docMk/>
          <pc:sldMk cId="0" sldId="968"/>
        </pc:sldMkLst>
        <pc:spChg chg="mod">
          <ac:chgData name="植野 芳彦" userId="86ab4e6fb1040a80" providerId="LiveId" clId="{7EC28CE9-89CB-4848-8096-23D98520DDE2}" dt="2023-05-04T09:03:00.735" v="368" actId="20577"/>
          <ac:spMkLst>
            <pc:docMk/>
            <pc:sldMk cId="0" sldId="968"/>
            <ac:spMk id="6148" creationId="{467725A1-C448-4257-51EC-A72F9C3358C0}"/>
          </ac:spMkLst>
        </pc:spChg>
        <pc:spChg chg="mod">
          <ac:chgData name="植野 芳彦" userId="86ab4e6fb1040a80" providerId="LiveId" clId="{7EC28CE9-89CB-4848-8096-23D98520DDE2}" dt="2023-05-04T09:02:09.927" v="306" actId="14100"/>
          <ac:spMkLst>
            <pc:docMk/>
            <pc:sldMk cId="0" sldId="968"/>
            <ac:spMk id="7171" creationId="{F550C650-15E6-2CF1-C466-74926A189FE6}"/>
          </ac:spMkLst>
        </pc:spChg>
      </pc:sldChg>
      <pc:sldChg chg="modSp add mod">
        <pc:chgData name="植野 芳彦" userId="86ab4e6fb1040a80" providerId="LiveId" clId="{7EC28CE9-89CB-4848-8096-23D98520DDE2}" dt="2023-05-04T09:01:30.124" v="305" actId="20577"/>
        <pc:sldMkLst>
          <pc:docMk/>
          <pc:sldMk cId="0" sldId="969"/>
        </pc:sldMkLst>
        <pc:spChg chg="mod">
          <ac:chgData name="植野 芳彦" userId="86ab4e6fb1040a80" providerId="LiveId" clId="{7EC28CE9-89CB-4848-8096-23D98520DDE2}" dt="2023-05-04T09:01:30.124" v="305" actId="20577"/>
          <ac:spMkLst>
            <pc:docMk/>
            <pc:sldMk cId="0" sldId="969"/>
            <ac:spMk id="6148" creationId="{96915186-C960-8BF5-8090-0E26976F0ACB}"/>
          </ac:spMkLst>
        </pc:spChg>
      </pc:sldChg>
      <pc:sldChg chg="add">
        <pc:chgData name="植野 芳彦" userId="86ab4e6fb1040a80" providerId="LiveId" clId="{7EC28CE9-89CB-4848-8096-23D98520DDE2}" dt="2023-05-03T06:25:13.145" v="269"/>
        <pc:sldMkLst>
          <pc:docMk/>
          <pc:sldMk cId="0" sldId="970"/>
        </pc:sldMkLst>
      </pc:sldChg>
      <pc:sldChg chg="modSp add mod">
        <pc:chgData name="植野 芳彦" userId="86ab4e6fb1040a80" providerId="LiveId" clId="{7EC28CE9-89CB-4848-8096-23D98520DDE2}" dt="2023-05-04T09:15:14.879" v="832" actId="20577"/>
        <pc:sldMkLst>
          <pc:docMk/>
          <pc:sldMk cId="0" sldId="1000"/>
        </pc:sldMkLst>
        <pc:spChg chg="mod">
          <ac:chgData name="植野 芳彦" userId="86ab4e6fb1040a80" providerId="LiveId" clId="{7EC28CE9-89CB-4848-8096-23D98520DDE2}" dt="2023-05-04T09:13:07.229" v="747" actId="14100"/>
          <ac:spMkLst>
            <pc:docMk/>
            <pc:sldMk cId="0" sldId="1000"/>
            <ac:spMk id="2" creationId="{E31D6629-F6D4-5A02-2F0A-F661B4681D7B}"/>
          </ac:spMkLst>
        </pc:spChg>
        <pc:spChg chg="mod">
          <ac:chgData name="植野 芳彦" userId="86ab4e6fb1040a80" providerId="LiveId" clId="{7EC28CE9-89CB-4848-8096-23D98520DDE2}" dt="2023-05-04T09:06:00.500" v="415" actId="1076"/>
          <ac:spMkLst>
            <pc:docMk/>
            <pc:sldMk cId="0" sldId="1000"/>
            <ac:spMk id="3" creationId="{43B6CAFE-4BBF-023B-B1F5-4DF70C2D9737}"/>
          </ac:spMkLst>
        </pc:spChg>
        <pc:spChg chg="mod">
          <ac:chgData name="植野 芳彦" userId="86ab4e6fb1040a80" providerId="LiveId" clId="{7EC28CE9-89CB-4848-8096-23D98520DDE2}" dt="2023-05-04T09:15:14.879" v="832" actId="20577"/>
          <ac:spMkLst>
            <pc:docMk/>
            <pc:sldMk cId="0" sldId="1000"/>
            <ac:spMk id="10" creationId="{D67ABE40-5198-FF3B-4124-3EF54C49E7ED}"/>
          </ac:spMkLst>
        </pc:spChg>
        <pc:spChg chg="mod">
          <ac:chgData name="植野 芳彦" userId="86ab4e6fb1040a80" providerId="LiveId" clId="{7EC28CE9-89CB-4848-8096-23D98520DDE2}" dt="2023-05-04T09:05:52.892" v="414" actId="20577"/>
          <ac:spMkLst>
            <pc:docMk/>
            <pc:sldMk cId="0" sldId="1000"/>
            <ac:spMk id="11" creationId="{87E1F8C0-87C9-ACBB-C138-6D16DF516F92}"/>
          </ac:spMkLst>
        </pc:spChg>
        <pc:spChg chg="mod">
          <ac:chgData name="植野 芳彦" userId="86ab4e6fb1040a80" providerId="LiveId" clId="{7EC28CE9-89CB-4848-8096-23D98520DDE2}" dt="2023-05-04T09:12:58.201" v="746" actId="14100"/>
          <ac:spMkLst>
            <pc:docMk/>
            <pc:sldMk cId="0" sldId="1000"/>
            <ac:spMk id="17414" creationId="{45BEFDD5-3435-6E53-4BF4-7F493DED5417}"/>
          </ac:spMkLst>
        </pc:spChg>
        <pc:spChg chg="mod">
          <ac:chgData name="植野 芳彦" userId="86ab4e6fb1040a80" providerId="LiveId" clId="{7EC28CE9-89CB-4848-8096-23D98520DDE2}" dt="2023-05-04T09:07:46.288" v="502" actId="207"/>
          <ac:spMkLst>
            <pc:docMk/>
            <pc:sldMk cId="0" sldId="1000"/>
            <ac:spMk id="17416" creationId="{D1B7ED15-AEB0-5870-EEA2-AB73FBD45F51}"/>
          </ac:spMkLst>
        </pc:spChg>
        <pc:spChg chg="mod">
          <ac:chgData name="植野 芳彦" userId="86ab4e6fb1040a80" providerId="LiveId" clId="{7EC28CE9-89CB-4848-8096-23D98520DDE2}" dt="2023-05-04T09:13:10.174" v="748" actId="14100"/>
          <ac:spMkLst>
            <pc:docMk/>
            <pc:sldMk cId="0" sldId="1000"/>
            <ac:spMk id="37892" creationId="{1637F1DE-819E-2E78-A603-61D7B44DE6C6}"/>
          </ac:spMkLst>
        </pc:spChg>
      </pc:sldChg>
      <pc:sldChg chg="add">
        <pc:chgData name="植野 芳彦" userId="86ab4e6fb1040a80" providerId="LiveId" clId="{7EC28CE9-89CB-4848-8096-23D98520DDE2}" dt="2023-03-12T07:45:57.755" v="179"/>
        <pc:sldMkLst>
          <pc:docMk/>
          <pc:sldMk cId="758027130" sldId="1257"/>
        </pc:sldMkLst>
      </pc:sldChg>
      <pc:sldChg chg="add del">
        <pc:chgData name="植野 芳彦" userId="86ab4e6fb1040a80" providerId="LiveId" clId="{7EC28CE9-89CB-4848-8096-23D98520DDE2}" dt="2023-03-12T07:47:28.317" v="196" actId="2696"/>
        <pc:sldMkLst>
          <pc:docMk/>
          <pc:sldMk cId="3107704826" sldId="1279"/>
        </pc:sldMkLst>
      </pc:sldChg>
      <pc:sldChg chg="add">
        <pc:chgData name="植野 芳彦" userId="86ab4e6fb1040a80" providerId="LiveId" clId="{7EC28CE9-89CB-4848-8096-23D98520DDE2}" dt="2023-03-12T07:46:02.519" v="184"/>
        <pc:sldMkLst>
          <pc:docMk/>
          <pc:sldMk cId="4054598313" sldId="1281"/>
        </pc:sldMkLst>
      </pc:sldChg>
      <pc:sldChg chg="add del">
        <pc:chgData name="植野 芳彦" userId="86ab4e6fb1040a80" providerId="LiveId" clId="{7EC28CE9-89CB-4848-8096-23D98520DDE2}" dt="2023-03-12T07:47:47.816" v="198" actId="2696"/>
        <pc:sldMkLst>
          <pc:docMk/>
          <pc:sldMk cId="8740980" sldId="1288"/>
        </pc:sldMkLst>
      </pc:sldChg>
      <pc:sldChg chg="add">
        <pc:chgData name="植野 芳彦" userId="86ab4e6fb1040a80" providerId="LiveId" clId="{7EC28CE9-89CB-4848-8096-23D98520DDE2}" dt="2023-03-12T07:39:39.662" v="79"/>
        <pc:sldMkLst>
          <pc:docMk/>
          <pc:sldMk cId="2941977760" sldId="1572"/>
        </pc:sldMkLst>
      </pc:sldChg>
      <pc:sldChg chg="add">
        <pc:chgData name="植野 芳彦" userId="86ab4e6fb1040a80" providerId="LiveId" clId="{7EC28CE9-89CB-4848-8096-23D98520DDE2}" dt="2023-03-12T07:40:26.600" v="104"/>
        <pc:sldMkLst>
          <pc:docMk/>
          <pc:sldMk cId="1019227345" sldId="1573"/>
        </pc:sldMkLst>
      </pc:sldChg>
      <pc:sldChg chg="add">
        <pc:chgData name="植野 芳彦" userId="86ab4e6fb1040a80" providerId="LiveId" clId="{7EC28CE9-89CB-4848-8096-23D98520DDE2}" dt="2023-03-12T07:40:30.276" v="105"/>
        <pc:sldMkLst>
          <pc:docMk/>
          <pc:sldMk cId="1312839462" sldId="1575"/>
        </pc:sldMkLst>
      </pc:sldChg>
      <pc:sldChg chg="add">
        <pc:chgData name="植野 芳彦" userId="86ab4e6fb1040a80" providerId="LiveId" clId="{7EC28CE9-89CB-4848-8096-23D98520DDE2}" dt="2023-03-12T07:40:30.809" v="106"/>
        <pc:sldMkLst>
          <pc:docMk/>
          <pc:sldMk cId="3407022139" sldId="1576"/>
        </pc:sldMkLst>
      </pc:sldChg>
      <pc:sldChg chg="add">
        <pc:chgData name="植野 芳彦" userId="86ab4e6fb1040a80" providerId="LiveId" clId="{7EC28CE9-89CB-4848-8096-23D98520DDE2}" dt="2023-03-12T07:40:33.136" v="107"/>
        <pc:sldMkLst>
          <pc:docMk/>
          <pc:sldMk cId="3131191671" sldId="1577"/>
        </pc:sldMkLst>
      </pc:sldChg>
      <pc:sldChg chg="add">
        <pc:chgData name="植野 芳彦" userId="86ab4e6fb1040a80" providerId="LiveId" clId="{7EC28CE9-89CB-4848-8096-23D98520DDE2}" dt="2023-03-12T07:40:33.719" v="108"/>
        <pc:sldMkLst>
          <pc:docMk/>
          <pc:sldMk cId="126761335" sldId="1578"/>
        </pc:sldMkLst>
      </pc:sldChg>
      <pc:sldChg chg="add">
        <pc:chgData name="植野 芳彦" userId="86ab4e6fb1040a80" providerId="LiveId" clId="{7EC28CE9-89CB-4848-8096-23D98520DDE2}" dt="2023-03-12T07:40:25.905" v="103"/>
        <pc:sldMkLst>
          <pc:docMk/>
          <pc:sldMk cId="884875915" sldId="1579"/>
        </pc:sldMkLst>
      </pc:sldChg>
      <pc:sldChg chg="add del modNotes">
        <pc:chgData name="植野 芳彦" userId="86ab4e6fb1040a80" providerId="LiveId" clId="{7EC28CE9-89CB-4848-8096-23D98520DDE2}" dt="2023-03-12T07:46:49.144" v="194" actId="2696"/>
        <pc:sldMkLst>
          <pc:docMk/>
          <pc:sldMk cId="2685347804" sldId="1679"/>
        </pc:sldMkLst>
      </pc:sldChg>
      <pc:sldChg chg="add">
        <pc:chgData name="植野 芳彦" userId="86ab4e6fb1040a80" providerId="LiveId" clId="{7EC28CE9-89CB-4848-8096-23D98520DDE2}" dt="2023-03-12T07:46:01.305" v="182"/>
        <pc:sldMkLst>
          <pc:docMk/>
          <pc:sldMk cId="3603459071" sldId="1680"/>
        </pc:sldMkLst>
      </pc:sldChg>
      <pc:sldChg chg="add">
        <pc:chgData name="植野 芳彦" userId="86ab4e6fb1040a80" providerId="LiveId" clId="{7EC28CE9-89CB-4848-8096-23D98520DDE2}" dt="2023-03-12T07:45:51.242" v="176"/>
        <pc:sldMkLst>
          <pc:docMk/>
          <pc:sldMk cId="3517241882" sldId="1684"/>
        </pc:sldMkLst>
      </pc:sldChg>
      <pc:sldChg chg="add del">
        <pc:chgData name="植野 芳彦" userId="86ab4e6fb1040a80" providerId="LiveId" clId="{7EC28CE9-89CB-4848-8096-23D98520DDE2}" dt="2023-03-12T07:46:42.153" v="193" actId="2696"/>
        <pc:sldMkLst>
          <pc:docMk/>
          <pc:sldMk cId="3370484314" sldId="1685"/>
        </pc:sldMkLst>
      </pc:sldChg>
      <pc:sldChg chg="add del">
        <pc:chgData name="植野 芳彦" userId="86ab4e6fb1040a80" providerId="LiveId" clId="{7EC28CE9-89CB-4848-8096-23D98520DDE2}" dt="2023-03-12T07:46:29.013" v="192" actId="2696"/>
        <pc:sldMkLst>
          <pc:docMk/>
          <pc:sldMk cId="513149661" sldId="1693"/>
        </pc:sldMkLst>
      </pc:sldChg>
      <pc:sldChg chg="add">
        <pc:chgData name="植野 芳彦" userId="86ab4e6fb1040a80" providerId="LiveId" clId="{7EC28CE9-89CB-4848-8096-23D98520DDE2}" dt="2023-03-12T07:46:01.955" v="183"/>
        <pc:sldMkLst>
          <pc:docMk/>
          <pc:sldMk cId="3471423932" sldId="1695"/>
        </pc:sldMkLst>
      </pc:sldChg>
      <pc:sldChg chg="add">
        <pc:chgData name="植野 芳彦" userId="86ab4e6fb1040a80" providerId="LiveId" clId="{7EC28CE9-89CB-4848-8096-23D98520DDE2}" dt="2023-03-12T07:46:05.277" v="186"/>
        <pc:sldMkLst>
          <pc:docMk/>
          <pc:sldMk cId="1028183670" sldId="1696"/>
        </pc:sldMkLst>
      </pc:sldChg>
      <pc:sldChg chg="add del">
        <pc:chgData name="植野 芳彦" userId="86ab4e6fb1040a80" providerId="LiveId" clId="{7EC28CE9-89CB-4848-8096-23D98520DDE2}" dt="2023-03-12T07:47:43.740" v="197" actId="2696"/>
        <pc:sldMkLst>
          <pc:docMk/>
          <pc:sldMk cId="591370193" sldId="1698"/>
        </pc:sldMkLst>
      </pc:sldChg>
      <pc:sldChg chg="del">
        <pc:chgData name="植野 芳彦" userId="86ab4e6fb1040a80" providerId="LiveId" clId="{7EC28CE9-89CB-4848-8096-23D98520DDE2}" dt="2023-03-12T00:57:50.651" v="10" actId="2696"/>
        <pc:sldMkLst>
          <pc:docMk/>
          <pc:sldMk cId="2066333370" sldId="1806"/>
        </pc:sldMkLst>
      </pc:sldChg>
      <pc:sldChg chg="del">
        <pc:chgData name="植野 芳彦" userId="86ab4e6fb1040a80" providerId="LiveId" clId="{7EC28CE9-89CB-4848-8096-23D98520DDE2}" dt="2023-03-12T00:57:52.600" v="11" actId="2696"/>
        <pc:sldMkLst>
          <pc:docMk/>
          <pc:sldMk cId="3570106078" sldId="1815"/>
        </pc:sldMkLst>
      </pc:sldChg>
      <pc:sldChg chg="modSp add mod">
        <pc:chgData name="植野 芳彦" userId="86ab4e6fb1040a80" providerId="LiveId" clId="{7EC28CE9-89CB-4848-8096-23D98520DDE2}" dt="2023-03-12T04:01:20.095" v="50" actId="6549"/>
        <pc:sldMkLst>
          <pc:docMk/>
          <pc:sldMk cId="2732712902" sldId="1817"/>
        </pc:sldMkLst>
        <pc:spChg chg="mod">
          <ac:chgData name="植野 芳彦" userId="86ab4e6fb1040a80" providerId="LiveId" clId="{7EC28CE9-89CB-4848-8096-23D98520DDE2}" dt="2023-03-12T04:01:03.408" v="40" actId="6549"/>
          <ac:spMkLst>
            <pc:docMk/>
            <pc:sldMk cId="2732712902" sldId="1817"/>
            <ac:spMk id="6" creationId="{5885453B-8021-6B5C-A41F-EFDCF75C02F0}"/>
          </ac:spMkLst>
        </pc:spChg>
        <pc:spChg chg="mod">
          <ac:chgData name="植野 芳彦" userId="86ab4e6fb1040a80" providerId="LiveId" clId="{7EC28CE9-89CB-4848-8096-23D98520DDE2}" dt="2023-03-12T04:01:20.095" v="50" actId="6549"/>
          <ac:spMkLst>
            <pc:docMk/>
            <pc:sldMk cId="2732712902" sldId="1817"/>
            <ac:spMk id="8" creationId="{7B4BCC26-6D7B-2B90-F4AA-D71D44D9A232}"/>
          </ac:spMkLst>
        </pc:spChg>
      </pc:sldChg>
      <pc:sldChg chg="delSp del mod">
        <pc:chgData name="植野 芳彦" userId="86ab4e6fb1040a80" providerId="LiveId" clId="{7EC28CE9-89CB-4848-8096-23D98520DDE2}" dt="2023-05-01T23:10:50.954" v="226" actId="2696"/>
        <pc:sldMkLst>
          <pc:docMk/>
          <pc:sldMk cId="2184136888" sldId="1840"/>
        </pc:sldMkLst>
        <pc:picChg chg="del">
          <ac:chgData name="植野 芳彦" userId="86ab4e6fb1040a80" providerId="LiveId" clId="{7EC28CE9-89CB-4848-8096-23D98520DDE2}" dt="2023-03-12T01:01:25.743" v="21" actId="21"/>
          <ac:picMkLst>
            <pc:docMk/>
            <pc:sldMk cId="2184136888" sldId="1840"/>
            <ac:picMk id="2" creationId="{0EC96D51-125F-43B5-9E0C-9B221C42973C}"/>
          </ac:picMkLst>
        </pc:picChg>
      </pc:sldChg>
      <pc:sldChg chg="delSp del mod">
        <pc:chgData name="植野 芳彦" userId="86ab4e6fb1040a80" providerId="LiveId" clId="{7EC28CE9-89CB-4848-8096-23D98520DDE2}" dt="2023-05-01T23:10:48.253" v="225" actId="2696"/>
        <pc:sldMkLst>
          <pc:docMk/>
          <pc:sldMk cId="3387509190" sldId="1850"/>
        </pc:sldMkLst>
        <pc:picChg chg="del">
          <ac:chgData name="植野 芳彦" userId="86ab4e6fb1040a80" providerId="LiveId" clId="{7EC28CE9-89CB-4848-8096-23D98520DDE2}" dt="2023-03-12T01:01:32.043" v="22" actId="21"/>
          <ac:picMkLst>
            <pc:docMk/>
            <pc:sldMk cId="3387509190" sldId="1850"/>
            <ac:picMk id="18" creationId="{0A60938D-688D-479F-B2CA-0EC9782FA4FA}"/>
          </ac:picMkLst>
        </pc:picChg>
      </pc:sldChg>
      <pc:sldChg chg="delSp del mod">
        <pc:chgData name="植野 芳彦" userId="86ab4e6fb1040a80" providerId="LiveId" clId="{7EC28CE9-89CB-4848-8096-23D98520DDE2}" dt="2023-05-01T23:10:25.626" v="217" actId="2696"/>
        <pc:sldMkLst>
          <pc:docMk/>
          <pc:sldMk cId="320848209" sldId="1873"/>
        </pc:sldMkLst>
        <pc:picChg chg="del">
          <ac:chgData name="植野 芳彦" userId="86ab4e6fb1040a80" providerId="LiveId" clId="{7EC28CE9-89CB-4848-8096-23D98520DDE2}" dt="2023-03-12T01:02:32.202" v="30" actId="21"/>
          <ac:picMkLst>
            <pc:docMk/>
            <pc:sldMk cId="320848209" sldId="1873"/>
            <ac:picMk id="9" creationId="{CD1BB07F-84B3-41FA-B973-2C4DA452D242}"/>
          </ac:picMkLst>
        </pc:picChg>
      </pc:sldChg>
      <pc:sldChg chg="delSp del mod">
        <pc:chgData name="植野 芳彦" userId="86ab4e6fb1040a80" providerId="LiveId" clId="{7EC28CE9-89CB-4848-8096-23D98520DDE2}" dt="2023-05-01T23:10:52.134" v="227" actId="2696"/>
        <pc:sldMkLst>
          <pc:docMk/>
          <pc:sldMk cId="1258031974" sldId="1880"/>
        </pc:sldMkLst>
        <pc:picChg chg="del">
          <ac:chgData name="植野 芳彦" userId="86ab4e6fb1040a80" providerId="LiveId" clId="{7EC28CE9-89CB-4848-8096-23D98520DDE2}" dt="2023-03-12T01:00:34.245" v="15" actId="21"/>
          <ac:picMkLst>
            <pc:docMk/>
            <pc:sldMk cId="1258031974" sldId="1880"/>
            <ac:picMk id="13" creationId="{36FB44CA-DA68-4A29-AE3F-C98053EB36D7}"/>
          </ac:picMkLst>
        </pc:picChg>
      </pc:sldChg>
      <pc:sldChg chg="delSp mod">
        <pc:chgData name="植野 芳彦" userId="86ab4e6fb1040a80" providerId="LiveId" clId="{7EC28CE9-89CB-4848-8096-23D98520DDE2}" dt="2023-03-12T01:02:38.918" v="31" actId="21"/>
        <pc:sldMkLst>
          <pc:docMk/>
          <pc:sldMk cId="873576933" sldId="1883"/>
        </pc:sldMkLst>
        <pc:picChg chg="del">
          <ac:chgData name="植野 芳彦" userId="86ab4e6fb1040a80" providerId="LiveId" clId="{7EC28CE9-89CB-4848-8096-23D98520DDE2}" dt="2023-03-12T01:02:38.918" v="31" actId="21"/>
          <ac:picMkLst>
            <pc:docMk/>
            <pc:sldMk cId="873576933" sldId="1883"/>
            <ac:picMk id="5" creationId="{3F0E30B3-B9E9-4A4C-9F8C-4C5B189F7924}"/>
          </ac:picMkLst>
        </pc:picChg>
      </pc:sldChg>
      <pc:sldChg chg="delSp del mod">
        <pc:chgData name="植野 芳彦" userId="86ab4e6fb1040a80" providerId="LiveId" clId="{7EC28CE9-89CB-4848-8096-23D98520DDE2}" dt="2023-05-01T23:10:27.165" v="218" actId="2696"/>
        <pc:sldMkLst>
          <pc:docMk/>
          <pc:sldMk cId="2152814743" sldId="1885"/>
        </pc:sldMkLst>
        <pc:picChg chg="del">
          <ac:chgData name="植野 芳彦" userId="86ab4e6fb1040a80" providerId="LiveId" clId="{7EC28CE9-89CB-4848-8096-23D98520DDE2}" dt="2023-03-12T01:02:15.585" v="29" actId="21"/>
          <ac:picMkLst>
            <pc:docMk/>
            <pc:sldMk cId="2152814743" sldId="1885"/>
            <ac:picMk id="5" creationId="{A649B041-B181-47E5-BC23-D725E0D9A6CA}"/>
          </ac:picMkLst>
        </pc:picChg>
      </pc:sldChg>
      <pc:sldChg chg="delSp del mod">
        <pc:chgData name="植野 芳彦" userId="86ab4e6fb1040a80" providerId="LiveId" clId="{7EC28CE9-89CB-4848-8096-23D98520DDE2}" dt="2023-05-01T23:10:27.975" v="219" actId="2696"/>
        <pc:sldMkLst>
          <pc:docMk/>
          <pc:sldMk cId="4160069017" sldId="1886"/>
        </pc:sldMkLst>
        <pc:picChg chg="del">
          <ac:chgData name="植野 芳彦" userId="86ab4e6fb1040a80" providerId="LiveId" clId="{7EC28CE9-89CB-4848-8096-23D98520DDE2}" dt="2023-03-12T01:02:07.450" v="28" actId="21"/>
          <ac:picMkLst>
            <pc:docMk/>
            <pc:sldMk cId="4160069017" sldId="1886"/>
            <ac:picMk id="5" creationId="{0ACD9CDA-2B1D-4EFE-BF24-F6DD82238713}"/>
          </ac:picMkLst>
        </pc:picChg>
      </pc:sldChg>
      <pc:sldChg chg="delSp del mod">
        <pc:chgData name="植野 芳彦" userId="86ab4e6fb1040a80" providerId="LiveId" clId="{7EC28CE9-89CB-4848-8096-23D98520DDE2}" dt="2023-05-01T23:10:28.705" v="220" actId="2696"/>
        <pc:sldMkLst>
          <pc:docMk/>
          <pc:sldMk cId="2349378730" sldId="1887"/>
        </pc:sldMkLst>
        <pc:picChg chg="del">
          <ac:chgData name="植野 芳彦" userId="86ab4e6fb1040a80" providerId="LiveId" clId="{7EC28CE9-89CB-4848-8096-23D98520DDE2}" dt="2023-03-12T01:02:00.206" v="27" actId="21"/>
          <ac:picMkLst>
            <pc:docMk/>
            <pc:sldMk cId="2349378730" sldId="1887"/>
            <ac:picMk id="5" creationId="{27E1E719-E160-47E3-A842-8FB91358CEE5}"/>
          </ac:picMkLst>
        </pc:picChg>
      </pc:sldChg>
      <pc:sldChg chg="delSp del mod">
        <pc:chgData name="植野 芳彦" userId="86ab4e6fb1040a80" providerId="LiveId" clId="{7EC28CE9-89CB-4848-8096-23D98520DDE2}" dt="2023-05-01T23:10:29.569" v="221" actId="2696"/>
        <pc:sldMkLst>
          <pc:docMk/>
          <pc:sldMk cId="3673321734" sldId="1888"/>
        </pc:sldMkLst>
        <pc:picChg chg="del">
          <ac:chgData name="植野 芳彦" userId="86ab4e6fb1040a80" providerId="LiveId" clId="{7EC28CE9-89CB-4848-8096-23D98520DDE2}" dt="2023-03-12T01:01:55.453" v="26" actId="21"/>
          <ac:picMkLst>
            <pc:docMk/>
            <pc:sldMk cId="3673321734" sldId="1888"/>
            <ac:picMk id="5" creationId="{27EB5F80-A465-42A0-927B-0F42F157089D}"/>
          </ac:picMkLst>
        </pc:picChg>
      </pc:sldChg>
      <pc:sldChg chg="delSp modSp del mod">
        <pc:chgData name="植野 芳彦" userId="86ab4e6fb1040a80" providerId="LiveId" clId="{7EC28CE9-89CB-4848-8096-23D98520DDE2}" dt="2023-05-01T23:10:31.496" v="222" actId="2696"/>
        <pc:sldMkLst>
          <pc:docMk/>
          <pc:sldMk cId="1688588538" sldId="1889"/>
        </pc:sldMkLst>
        <pc:spChg chg="mod">
          <ac:chgData name="植野 芳彦" userId="86ab4e6fb1040a80" providerId="LiveId" clId="{7EC28CE9-89CB-4848-8096-23D98520DDE2}" dt="2023-03-12T07:13:27.052" v="72" actId="6549"/>
          <ac:spMkLst>
            <pc:docMk/>
            <pc:sldMk cId="1688588538" sldId="1889"/>
            <ac:spMk id="6" creationId="{93667513-1B48-4516-889D-2762B0A2073F}"/>
          </ac:spMkLst>
        </pc:spChg>
        <pc:picChg chg="del">
          <ac:chgData name="植野 芳彦" userId="86ab4e6fb1040a80" providerId="LiveId" clId="{7EC28CE9-89CB-4848-8096-23D98520DDE2}" dt="2023-03-12T01:01:49.316" v="25" actId="21"/>
          <ac:picMkLst>
            <pc:docMk/>
            <pc:sldMk cId="1688588538" sldId="1889"/>
            <ac:picMk id="5" creationId="{A2FC4F1F-BAF8-4716-A3B0-00AF78B7D5CD}"/>
          </ac:picMkLst>
        </pc:picChg>
      </pc:sldChg>
      <pc:sldChg chg="delSp modSp del mod">
        <pc:chgData name="植野 芳彦" userId="86ab4e6fb1040a80" providerId="LiveId" clId="{7EC28CE9-89CB-4848-8096-23D98520DDE2}" dt="2023-05-01T23:10:44.851" v="223" actId="2696"/>
        <pc:sldMkLst>
          <pc:docMk/>
          <pc:sldMk cId="3328589009" sldId="1890"/>
        </pc:sldMkLst>
        <pc:spChg chg="mod">
          <ac:chgData name="植野 芳彦" userId="86ab4e6fb1040a80" providerId="LiveId" clId="{7EC28CE9-89CB-4848-8096-23D98520DDE2}" dt="2023-03-12T07:28:52.219" v="76" actId="6549"/>
          <ac:spMkLst>
            <pc:docMk/>
            <pc:sldMk cId="3328589009" sldId="1890"/>
            <ac:spMk id="2" creationId="{CFE27B7A-1187-4CD9-8142-3F78C391A0B5}"/>
          </ac:spMkLst>
        </pc:spChg>
        <pc:picChg chg="del">
          <ac:chgData name="植野 芳彦" userId="86ab4e6fb1040a80" providerId="LiveId" clId="{7EC28CE9-89CB-4848-8096-23D98520DDE2}" dt="2023-03-12T01:01:41.794" v="24" actId="21"/>
          <ac:picMkLst>
            <pc:docMk/>
            <pc:sldMk cId="3328589009" sldId="1890"/>
            <ac:picMk id="5" creationId="{17474AA4-EBAA-4A00-A935-6CA618047F13}"/>
          </ac:picMkLst>
        </pc:picChg>
      </pc:sldChg>
      <pc:sldChg chg="delSp del mod">
        <pc:chgData name="植野 芳彦" userId="86ab4e6fb1040a80" providerId="LiveId" clId="{7EC28CE9-89CB-4848-8096-23D98520DDE2}" dt="2023-05-01T23:10:45.698" v="224" actId="2696"/>
        <pc:sldMkLst>
          <pc:docMk/>
          <pc:sldMk cId="712169364" sldId="1891"/>
        </pc:sldMkLst>
        <pc:picChg chg="del">
          <ac:chgData name="植野 芳彦" userId="86ab4e6fb1040a80" providerId="LiveId" clId="{7EC28CE9-89CB-4848-8096-23D98520DDE2}" dt="2023-03-12T01:01:37.659" v="23" actId="21"/>
          <ac:picMkLst>
            <pc:docMk/>
            <pc:sldMk cId="712169364" sldId="1891"/>
            <ac:picMk id="5" creationId="{B8D47B6D-B569-4A3C-8023-834AEE83C47C}"/>
          </ac:picMkLst>
        </pc:picChg>
      </pc:sldChg>
      <pc:sldChg chg="delSp del mod">
        <pc:chgData name="植野 芳彦" userId="86ab4e6fb1040a80" providerId="LiveId" clId="{7EC28CE9-89CB-4848-8096-23D98520DDE2}" dt="2023-05-01T23:10:53.253" v="228" actId="2696"/>
        <pc:sldMkLst>
          <pc:docMk/>
          <pc:sldMk cId="727192104" sldId="1892"/>
        </pc:sldMkLst>
        <pc:picChg chg="del">
          <ac:chgData name="植野 芳彦" userId="86ab4e6fb1040a80" providerId="LiveId" clId="{7EC28CE9-89CB-4848-8096-23D98520DDE2}" dt="2023-03-12T01:00:39.616" v="16" actId="21"/>
          <ac:picMkLst>
            <pc:docMk/>
            <pc:sldMk cId="727192104" sldId="1892"/>
            <ac:picMk id="13" creationId="{36FB44CA-DA68-4A29-AE3F-C98053EB36D7}"/>
          </ac:picMkLst>
        </pc:picChg>
      </pc:sldChg>
      <pc:sldChg chg="del">
        <pc:chgData name="植野 芳彦" userId="86ab4e6fb1040a80" providerId="LiveId" clId="{7EC28CE9-89CB-4848-8096-23D98520DDE2}" dt="2023-03-12T00:57:53.791" v="12" actId="2696"/>
        <pc:sldMkLst>
          <pc:docMk/>
          <pc:sldMk cId="611671734" sldId="1893"/>
        </pc:sldMkLst>
      </pc:sldChg>
      <pc:sldChg chg="del">
        <pc:chgData name="植野 芳彦" userId="86ab4e6fb1040a80" providerId="LiveId" clId="{7EC28CE9-89CB-4848-8096-23D98520DDE2}" dt="2023-03-12T01:03:20.089" v="34" actId="2696"/>
        <pc:sldMkLst>
          <pc:docMk/>
          <pc:sldMk cId="2752899269" sldId="1894"/>
        </pc:sldMkLst>
      </pc:sldChg>
      <pc:sldChg chg="del">
        <pc:chgData name="植野 芳彦" userId="86ab4e6fb1040a80" providerId="LiveId" clId="{7EC28CE9-89CB-4848-8096-23D98520DDE2}" dt="2023-03-12T00:57:38.596" v="9" actId="2696"/>
        <pc:sldMkLst>
          <pc:docMk/>
          <pc:sldMk cId="1848747957" sldId="1896"/>
        </pc:sldMkLst>
      </pc:sldChg>
      <pc:sldChg chg="delSp del mod">
        <pc:chgData name="植野 芳彦" userId="86ab4e6fb1040a80" providerId="LiveId" clId="{7EC28CE9-89CB-4848-8096-23D98520DDE2}" dt="2023-05-01T23:10:24.545" v="216" actId="2696"/>
        <pc:sldMkLst>
          <pc:docMk/>
          <pc:sldMk cId="2989580019" sldId="1897"/>
        </pc:sldMkLst>
        <pc:picChg chg="del">
          <ac:chgData name="植野 芳彦" userId="86ab4e6fb1040a80" providerId="LiveId" clId="{7EC28CE9-89CB-4848-8096-23D98520DDE2}" dt="2023-03-12T01:03:10.714" v="33" actId="21"/>
          <ac:picMkLst>
            <pc:docMk/>
            <pc:sldMk cId="2989580019" sldId="1897"/>
            <ac:picMk id="13" creationId="{36FB44CA-DA68-4A29-AE3F-C98053EB36D7}"/>
          </ac:picMkLst>
        </pc:picChg>
      </pc:sldChg>
      <pc:sldChg chg="del">
        <pc:chgData name="植野 芳彦" userId="86ab4e6fb1040a80" providerId="LiveId" clId="{7EC28CE9-89CB-4848-8096-23D98520DDE2}" dt="2023-03-12T00:57:54.595" v="13" actId="2696"/>
        <pc:sldMkLst>
          <pc:docMk/>
          <pc:sldMk cId="1643975924" sldId="1899"/>
        </pc:sldMkLst>
      </pc:sldChg>
      <pc:sldChg chg="delSp del mod">
        <pc:chgData name="植野 芳彦" userId="86ab4e6fb1040a80" providerId="LiveId" clId="{7EC28CE9-89CB-4848-8096-23D98520DDE2}" dt="2023-05-01T23:09:58.108" v="212" actId="2696"/>
        <pc:sldMkLst>
          <pc:docMk/>
          <pc:sldMk cId="2084564008" sldId="1901"/>
        </pc:sldMkLst>
        <pc:picChg chg="del">
          <ac:chgData name="植野 芳彦" userId="86ab4e6fb1040a80" providerId="LiveId" clId="{7EC28CE9-89CB-4848-8096-23D98520DDE2}" dt="2023-03-12T01:01:13.186" v="19" actId="21"/>
          <ac:picMkLst>
            <pc:docMk/>
            <pc:sldMk cId="2084564008" sldId="1901"/>
            <ac:picMk id="7" creationId="{B6602EA1-B624-453D-B987-A0356703DA30}"/>
          </ac:picMkLst>
        </pc:picChg>
      </pc:sldChg>
      <pc:sldChg chg="add">
        <pc:chgData name="植野 芳彦" userId="86ab4e6fb1040a80" providerId="LiveId" clId="{7EC28CE9-89CB-4848-8096-23D98520DDE2}" dt="2023-05-01T23:10:04.019" v="213"/>
        <pc:sldMkLst>
          <pc:docMk/>
          <pc:sldMk cId="2974058297" sldId="1901"/>
        </pc:sldMkLst>
      </pc:sldChg>
      <pc:sldChg chg="delSp del mod">
        <pc:chgData name="植野 芳彦" userId="86ab4e6fb1040a80" providerId="LiveId" clId="{7EC28CE9-89CB-4848-8096-23D98520DDE2}" dt="2023-05-01T23:09:42.064" v="210" actId="2696"/>
        <pc:sldMkLst>
          <pc:docMk/>
          <pc:sldMk cId="54445637" sldId="1902"/>
        </pc:sldMkLst>
        <pc:picChg chg="del">
          <ac:chgData name="植野 芳彦" userId="86ab4e6fb1040a80" providerId="LiveId" clId="{7EC28CE9-89CB-4848-8096-23D98520DDE2}" dt="2023-03-12T01:01:17.766" v="20" actId="21"/>
          <ac:picMkLst>
            <pc:docMk/>
            <pc:sldMk cId="54445637" sldId="1902"/>
            <ac:picMk id="7" creationId="{B6602EA1-B624-453D-B987-A0356703DA30}"/>
          </ac:picMkLst>
        </pc:picChg>
      </pc:sldChg>
      <pc:sldChg chg="add">
        <pc:chgData name="植野 芳彦" userId="86ab4e6fb1040a80" providerId="LiveId" clId="{7EC28CE9-89CB-4848-8096-23D98520DDE2}" dt="2023-05-01T23:09:48.995" v="211"/>
        <pc:sldMkLst>
          <pc:docMk/>
          <pc:sldMk cId="3412391579" sldId="1902"/>
        </pc:sldMkLst>
      </pc:sldChg>
      <pc:sldChg chg="del">
        <pc:chgData name="植野 芳彦" userId="86ab4e6fb1040a80" providerId="LiveId" clId="{7EC28CE9-89CB-4848-8096-23D98520DDE2}" dt="2023-03-12T00:57:55.753" v="14" actId="2696"/>
        <pc:sldMkLst>
          <pc:docMk/>
          <pc:sldMk cId="1990914863" sldId="1903"/>
        </pc:sldMkLst>
      </pc:sldChg>
      <pc:sldChg chg="delSp mod">
        <pc:chgData name="植野 芳彦" userId="86ab4e6fb1040a80" providerId="LiveId" clId="{7EC28CE9-89CB-4848-8096-23D98520DDE2}" dt="2023-03-12T01:03:05.554" v="32" actId="21"/>
        <pc:sldMkLst>
          <pc:docMk/>
          <pc:sldMk cId="3364415536" sldId="1904"/>
        </pc:sldMkLst>
        <pc:picChg chg="del">
          <ac:chgData name="植野 芳彦" userId="86ab4e6fb1040a80" providerId="LiveId" clId="{7EC28CE9-89CB-4848-8096-23D98520DDE2}" dt="2023-03-12T01:03:05.554" v="32" actId="21"/>
          <ac:picMkLst>
            <pc:docMk/>
            <pc:sldMk cId="3364415536" sldId="1904"/>
            <ac:picMk id="7" creationId="{C4D5F5C3-5D34-44DC-BADF-A2B3C40D155A}"/>
          </ac:picMkLst>
        </pc:picChg>
      </pc:sldChg>
      <pc:sldChg chg="del">
        <pc:chgData name="植野 芳彦" userId="86ab4e6fb1040a80" providerId="LiveId" clId="{7EC28CE9-89CB-4848-8096-23D98520DDE2}" dt="2023-03-12T00:56:52.560" v="1" actId="2696"/>
        <pc:sldMkLst>
          <pc:docMk/>
          <pc:sldMk cId="3843579124" sldId="1905"/>
        </pc:sldMkLst>
      </pc:sldChg>
      <pc:sldChg chg="del">
        <pc:chgData name="植野 芳彦" userId="86ab4e6fb1040a80" providerId="LiveId" clId="{7EC28CE9-89CB-4848-8096-23D98520DDE2}" dt="2023-03-12T00:56:54.418" v="2" actId="2696"/>
        <pc:sldMkLst>
          <pc:docMk/>
          <pc:sldMk cId="2475881632" sldId="1906"/>
        </pc:sldMkLst>
      </pc:sldChg>
      <pc:sldChg chg="del">
        <pc:chgData name="植野 芳彦" userId="86ab4e6fb1040a80" providerId="LiveId" clId="{7EC28CE9-89CB-4848-8096-23D98520DDE2}" dt="2023-03-12T00:56:55.122" v="3" actId="2696"/>
        <pc:sldMkLst>
          <pc:docMk/>
          <pc:sldMk cId="3369244771" sldId="1907"/>
        </pc:sldMkLst>
      </pc:sldChg>
      <pc:sldChg chg="del">
        <pc:chgData name="植野 芳彦" userId="86ab4e6fb1040a80" providerId="LiveId" clId="{7EC28CE9-89CB-4848-8096-23D98520DDE2}" dt="2023-03-12T00:56:55.987" v="4" actId="2696"/>
        <pc:sldMkLst>
          <pc:docMk/>
          <pc:sldMk cId="3844607098" sldId="1908"/>
        </pc:sldMkLst>
      </pc:sldChg>
      <pc:sldChg chg="del">
        <pc:chgData name="植野 芳彦" userId="86ab4e6fb1040a80" providerId="LiveId" clId="{7EC28CE9-89CB-4848-8096-23D98520DDE2}" dt="2023-03-12T00:56:56.715" v="5" actId="2696"/>
        <pc:sldMkLst>
          <pc:docMk/>
          <pc:sldMk cId="2140993912" sldId="1909"/>
        </pc:sldMkLst>
      </pc:sldChg>
      <pc:sldChg chg="del">
        <pc:chgData name="植野 芳彦" userId="86ab4e6fb1040a80" providerId="LiveId" clId="{7EC28CE9-89CB-4848-8096-23D98520DDE2}" dt="2023-03-12T00:56:58.420" v="7" actId="2696"/>
        <pc:sldMkLst>
          <pc:docMk/>
          <pc:sldMk cId="3851756565" sldId="1910"/>
        </pc:sldMkLst>
      </pc:sldChg>
      <pc:sldChg chg="del">
        <pc:chgData name="植野 芳彦" userId="86ab4e6fb1040a80" providerId="LiveId" clId="{7EC28CE9-89CB-4848-8096-23D98520DDE2}" dt="2023-03-12T04:00:53.972" v="36" actId="2696"/>
        <pc:sldMkLst>
          <pc:docMk/>
          <pc:sldMk cId="267227261" sldId="1911"/>
        </pc:sldMkLst>
      </pc:sldChg>
      <pc:sldChg chg="add del">
        <pc:chgData name="植野 芳彦" userId="86ab4e6fb1040a80" providerId="LiveId" clId="{7EC28CE9-89CB-4848-8096-23D98520DDE2}" dt="2023-03-12T07:11:53.804" v="51" actId="2696"/>
        <pc:sldMkLst>
          <pc:docMk/>
          <pc:sldMk cId="2077911524" sldId="1911"/>
        </pc:sldMkLst>
      </pc:sldChg>
      <pc:sldChg chg="del">
        <pc:chgData name="植野 芳彦" userId="86ab4e6fb1040a80" providerId="LiveId" clId="{7EC28CE9-89CB-4848-8096-23D98520DDE2}" dt="2023-03-12T00:57:18.184" v="8" actId="2696"/>
        <pc:sldMkLst>
          <pc:docMk/>
          <pc:sldMk cId="31118351" sldId="1912"/>
        </pc:sldMkLst>
      </pc:sldChg>
      <pc:sldChg chg="delSp del mod">
        <pc:chgData name="植野 芳彦" userId="86ab4e6fb1040a80" providerId="LiveId" clId="{7EC28CE9-89CB-4848-8096-23D98520DDE2}" dt="2023-05-01T23:10:11.936" v="214" actId="2696"/>
        <pc:sldMkLst>
          <pc:docMk/>
          <pc:sldMk cId="2534076626" sldId="1913"/>
        </pc:sldMkLst>
        <pc:picChg chg="del">
          <ac:chgData name="植野 芳彦" userId="86ab4e6fb1040a80" providerId="LiveId" clId="{7EC28CE9-89CB-4848-8096-23D98520DDE2}" dt="2023-03-12T01:01:09.171" v="18" actId="21"/>
          <ac:picMkLst>
            <pc:docMk/>
            <pc:sldMk cId="2534076626" sldId="1913"/>
            <ac:picMk id="7" creationId="{B6602EA1-B624-453D-B987-A0356703DA30}"/>
          </ac:picMkLst>
        </pc:picChg>
      </pc:sldChg>
      <pc:sldChg chg="add">
        <pc:chgData name="植野 芳彦" userId="86ab4e6fb1040a80" providerId="LiveId" clId="{7EC28CE9-89CB-4848-8096-23D98520DDE2}" dt="2023-05-01T23:10:16.782" v="215"/>
        <pc:sldMkLst>
          <pc:docMk/>
          <pc:sldMk cId="4158056633" sldId="1913"/>
        </pc:sldMkLst>
      </pc:sldChg>
      <pc:sldChg chg="del">
        <pc:chgData name="植野 芳彦" userId="86ab4e6fb1040a80" providerId="LiveId" clId="{7EC28CE9-89CB-4848-8096-23D98520DDE2}" dt="2023-03-12T00:56:57.469" v="6" actId="2696"/>
        <pc:sldMkLst>
          <pc:docMk/>
          <pc:sldMk cId="3076258914" sldId="1916"/>
        </pc:sldMkLst>
      </pc:sldChg>
      <pc:sldChg chg="modSp add mod">
        <pc:chgData name="植野 芳彦" userId="86ab4e6fb1040a80" providerId="LiveId" clId="{7EC28CE9-89CB-4848-8096-23D98520DDE2}" dt="2023-03-12T07:44:24.956" v="173" actId="14100"/>
        <pc:sldMkLst>
          <pc:docMk/>
          <pc:sldMk cId="3850338047" sldId="1916"/>
        </pc:sldMkLst>
        <pc:spChg chg="mod">
          <ac:chgData name="植野 芳彦" userId="86ab4e6fb1040a80" providerId="LiveId" clId="{7EC28CE9-89CB-4848-8096-23D98520DDE2}" dt="2023-03-12T07:44:24.956" v="173" actId="14100"/>
          <ac:spMkLst>
            <pc:docMk/>
            <pc:sldMk cId="3850338047" sldId="1916"/>
            <ac:spMk id="6" creationId="{93667513-1B48-4516-889D-2762B0A2073F}"/>
          </ac:spMkLst>
        </pc:spChg>
      </pc:sldChg>
      <pc:sldChg chg="add">
        <pc:chgData name="植野 芳彦" userId="86ab4e6fb1040a80" providerId="LiveId" clId="{7EC28CE9-89CB-4848-8096-23D98520DDE2}" dt="2023-03-12T07:45:51.765" v="177"/>
        <pc:sldMkLst>
          <pc:docMk/>
          <pc:sldMk cId="1961281913" sldId="1917"/>
        </pc:sldMkLst>
      </pc:sldChg>
      <pc:sldChg chg="add">
        <pc:chgData name="植野 芳彦" userId="86ab4e6fb1040a80" providerId="LiveId" clId="{7EC28CE9-89CB-4848-8096-23D98520DDE2}" dt="2023-03-12T07:46:07.738" v="189"/>
        <pc:sldMkLst>
          <pc:docMk/>
          <pc:sldMk cId="1560934184" sldId="1918"/>
        </pc:sldMkLst>
      </pc:sldChg>
      <pc:sldChg chg="modSp new mod">
        <pc:chgData name="植野 芳彦" userId="86ab4e6fb1040a80" providerId="LiveId" clId="{7EC28CE9-89CB-4848-8096-23D98520DDE2}" dt="2023-03-12T07:48:49.734" v="208" actId="20577"/>
        <pc:sldMkLst>
          <pc:docMk/>
          <pc:sldMk cId="3169086653" sldId="1919"/>
        </pc:sldMkLst>
        <pc:spChg chg="mod">
          <ac:chgData name="植野 芳彦" userId="86ab4e6fb1040a80" providerId="LiveId" clId="{7EC28CE9-89CB-4848-8096-23D98520DDE2}" dt="2023-03-12T07:48:49.734" v="208" actId="20577"/>
          <ac:spMkLst>
            <pc:docMk/>
            <pc:sldMk cId="3169086653" sldId="1919"/>
            <ac:spMk id="2" creationId="{A1ECFB34-2750-290F-4A3D-882FF0A44C0A}"/>
          </ac:spMkLst>
        </pc:spChg>
      </pc:sldChg>
      <pc:sldChg chg="addSp new del mod">
        <pc:chgData name="植野 芳彦" userId="86ab4e6fb1040a80" providerId="LiveId" clId="{7EC28CE9-89CB-4848-8096-23D98520DDE2}" dt="2023-05-03T06:26:29.509" v="271" actId="2696"/>
        <pc:sldMkLst>
          <pc:docMk/>
          <pc:sldMk cId="917267660" sldId="2820"/>
        </pc:sldMkLst>
        <pc:picChg chg="add">
          <ac:chgData name="植野 芳彦" userId="86ab4e6fb1040a80" providerId="LiveId" clId="{7EC28CE9-89CB-4848-8096-23D98520DDE2}" dt="2023-05-03T05:46:22.699" v="231" actId="22"/>
          <ac:picMkLst>
            <pc:docMk/>
            <pc:sldMk cId="917267660" sldId="2820"/>
            <ac:picMk id="4" creationId="{3B18B359-BF22-CE6A-349F-7EF0C4BC953E}"/>
          </ac:picMkLst>
        </pc:picChg>
      </pc:sldChg>
      <pc:sldChg chg="addSp new del mod">
        <pc:chgData name="植野 芳彦" userId="86ab4e6fb1040a80" providerId="LiveId" clId="{7EC28CE9-89CB-4848-8096-23D98520DDE2}" dt="2023-05-03T06:26:30.256" v="272" actId="2696"/>
        <pc:sldMkLst>
          <pc:docMk/>
          <pc:sldMk cId="1146537180" sldId="2821"/>
        </pc:sldMkLst>
        <pc:picChg chg="add">
          <ac:chgData name="植野 芳彦" userId="86ab4e6fb1040a80" providerId="LiveId" clId="{7EC28CE9-89CB-4848-8096-23D98520DDE2}" dt="2023-05-03T05:47:09.285" v="233" actId="22"/>
          <ac:picMkLst>
            <pc:docMk/>
            <pc:sldMk cId="1146537180" sldId="2821"/>
            <ac:picMk id="4" creationId="{4E39319D-C0B1-CAE2-6189-1B9E34660B0C}"/>
          </ac:picMkLst>
        </pc:picChg>
      </pc:sldChg>
      <pc:sldChg chg="addSp modSp new del mod">
        <pc:chgData name="植野 芳彦" userId="86ab4e6fb1040a80" providerId="LiveId" clId="{7EC28CE9-89CB-4848-8096-23D98520DDE2}" dt="2023-05-03T06:26:31.115" v="273" actId="2696"/>
        <pc:sldMkLst>
          <pc:docMk/>
          <pc:sldMk cId="3706066299" sldId="2822"/>
        </pc:sldMkLst>
        <pc:picChg chg="add mod">
          <ac:chgData name="植野 芳彦" userId="86ab4e6fb1040a80" providerId="LiveId" clId="{7EC28CE9-89CB-4848-8096-23D98520DDE2}" dt="2023-05-03T05:48:13.075" v="237" actId="14100"/>
          <ac:picMkLst>
            <pc:docMk/>
            <pc:sldMk cId="3706066299" sldId="2822"/>
            <ac:picMk id="4" creationId="{F44A30FE-471D-6BFB-6C7B-D6B73B8AE4E5}"/>
          </ac:picMkLst>
        </pc:picChg>
      </pc:sldChg>
      <pc:sldChg chg="addSp new del mod">
        <pc:chgData name="植野 芳彦" userId="86ab4e6fb1040a80" providerId="LiveId" clId="{7EC28CE9-89CB-4848-8096-23D98520DDE2}" dt="2023-05-03T06:26:31.937" v="274" actId="2696"/>
        <pc:sldMkLst>
          <pc:docMk/>
          <pc:sldMk cId="4002406684" sldId="2823"/>
        </pc:sldMkLst>
        <pc:picChg chg="add">
          <ac:chgData name="植野 芳彦" userId="86ab4e6fb1040a80" providerId="LiveId" clId="{7EC28CE9-89CB-4848-8096-23D98520DDE2}" dt="2023-05-03T05:49:01.286" v="239" actId="22"/>
          <ac:picMkLst>
            <pc:docMk/>
            <pc:sldMk cId="4002406684" sldId="2823"/>
            <ac:picMk id="4" creationId="{68E1D217-30C7-EDBE-FA82-0298FF170537}"/>
          </ac:picMkLst>
        </pc:picChg>
      </pc:sldChg>
      <pc:sldChg chg="addSp new del mod">
        <pc:chgData name="植野 芳彦" userId="86ab4e6fb1040a80" providerId="LiveId" clId="{7EC28CE9-89CB-4848-8096-23D98520DDE2}" dt="2023-05-03T06:26:32.667" v="275" actId="2696"/>
        <pc:sldMkLst>
          <pc:docMk/>
          <pc:sldMk cId="2334029403" sldId="2824"/>
        </pc:sldMkLst>
        <pc:picChg chg="add">
          <ac:chgData name="植野 芳彦" userId="86ab4e6fb1040a80" providerId="LiveId" clId="{7EC28CE9-89CB-4848-8096-23D98520DDE2}" dt="2023-05-03T05:49:40.134" v="241" actId="22"/>
          <ac:picMkLst>
            <pc:docMk/>
            <pc:sldMk cId="2334029403" sldId="2824"/>
            <ac:picMk id="4" creationId="{265BDD65-3EBA-5610-E3E6-F319CB0929D8}"/>
          </ac:picMkLst>
        </pc:picChg>
      </pc:sldChg>
      <pc:sldChg chg="addSp new del mod">
        <pc:chgData name="植野 芳彦" userId="86ab4e6fb1040a80" providerId="LiveId" clId="{7EC28CE9-89CB-4848-8096-23D98520DDE2}" dt="2023-05-03T06:26:33.572" v="276" actId="2696"/>
        <pc:sldMkLst>
          <pc:docMk/>
          <pc:sldMk cId="2476889151" sldId="2825"/>
        </pc:sldMkLst>
        <pc:picChg chg="add">
          <ac:chgData name="植野 芳彦" userId="86ab4e6fb1040a80" providerId="LiveId" clId="{7EC28CE9-89CB-4848-8096-23D98520DDE2}" dt="2023-05-03T05:50:39.518" v="243" actId="22"/>
          <ac:picMkLst>
            <pc:docMk/>
            <pc:sldMk cId="2476889151" sldId="2825"/>
            <ac:picMk id="4" creationId="{CDA811AD-4935-7C2A-4B3F-D424D64CA621}"/>
          </ac:picMkLst>
        </pc:picChg>
      </pc:sldChg>
      <pc:sldChg chg="addSp new del mod">
        <pc:chgData name="植野 芳彦" userId="86ab4e6fb1040a80" providerId="LiveId" clId="{7EC28CE9-89CB-4848-8096-23D98520DDE2}" dt="2023-05-03T06:26:34.292" v="277" actId="2696"/>
        <pc:sldMkLst>
          <pc:docMk/>
          <pc:sldMk cId="1673011438" sldId="2826"/>
        </pc:sldMkLst>
        <pc:picChg chg="add">
          <ac:chgData name="植野 芳彦" userId="86ab4e6fb1040a80" providerId="LiveId" clId="{7EC28CE9-89CB-4848-8096-23D98520DDE2}" dt="2023-05-03T05:51:07.810" v="245" actId="22"/>
          <ac:picMkLst>
            <pc:docMk/>
            <pc:sldMk cId="1673011438" sldId="2826"/>
            <ac:picMk id="4" creationId="{F05E48AF-8156-F462-F862-DAC9C89F25B9}"/>
          </ac:picMkLst>
        </pc:picChg>
      </pc:sldChg>
      <pc:sldChg chg="addSp new del mod">
        <pc:chgData name="植野 芳彦" userId="86ab4e6fb1040a80" providerId="LiveId" clId="{7EC28CE9-89CB-4848-8096-23D98520DDE2}" dt="2023-05-03T06:26:34.990" v="278" actId="2696"/>
        <pc:sldMkLst>
          <pc:docMk/>
          <pc:sldMk cId="3518284894" sldId="2827"/>
        </pc:sldMkLst>
        <pc:picChg chg="add">
          <ac:chgData name="植野 芳彦" userId="86ab4e6fb1040a80" providerId="LiveId" clId="{7EC28CE9-89CB-4848-8096-23D98520DDE2}" dt="2023-05-03T05:51:37.315" v="247" actId="22"/>
          <ac:picMkLst>
            <pc:docMk/>
            <pc:sldMk cId="3518284894" sldId="2827"/>
            <ac:picMk id="4" creationId="{4EF1CA85-2CB0-3801-94F7-5DA9ED2E2B4F}"/>
          </ac:picMkLst>
        </pc:picChg>
      </pc:sldChg>
      <pc:sldChg chg="addSp new del mod">
        <pc:chgData name="植野 芳彦" userId="86ab4e6fb1040a80" providerId="LiveId" clId="{7EC28CE9-89CB-4848-8096-23D98520DDE2}" dt="2023-05-03T06:26:36.136" v="279" actId="2696"/>
        <pc:sldMkLst>
          <pc:docMk/>
          <pc:sldMk cId="686756043" sldId="2828"/>
        </pc:sldMkLst>
        <pc:picChg chg="add">
          <ac:chgData name="植野 芳彦" userId="86ab4e6fb1040a80" providerId="LiveId" clId="{7EC28CE9-89CB-4848-8096-23D98520DDE2}" dt="2023-05-03T05:52:13.447" v="249" actId="22"/>
          <ac:picMkLst>
            <pc:docMk/>
            <pc:sldMk cId="686756043" sldId="2828"/>
            <ac:picMk id="4" creationId="{0FF44917-1037-9AE7-B242-A2C12115063B}"/>
          </ac:picMkLst>
        </pc:picChg>
      </pc:sldChg>
      <pc:sldChg chg="addSp new del mod">
        <pc:chgData name="植野 芳彦" userId="86ab4e6fb1040a80" providerId="LiveId" clId="{7EC28CE9-89CB-4848-8096-23D98520DDE2}" dt="2023-05-03T06:26:37.229" v="280" actId="2696"/>
        <pc:sldMkLst>
          <pc:docMk/>
          <pc:sldMk cId="2089367619" sldId="2829"/>
        </pc:sldMkLst>
        <pc:picChg chg="add">
          <ac:chgData name="植野 芳彦" userId="86ab4e6fb1040a80" providerId="LiveId" clId="{7EC28CE9-89CB-4848-8096-23D98520DDE2}" dt="2023-05-03T05:52:36.225" v="251" actId="22"/>
          <ac:picMkLst>
            <pc:docMk/>
            <pc:sldMk cId="2089367619" sldId="2829"/>
            <ac:picMk id="4" creationId="{D3AA1830-732A-A07C-843F-6AE5C4E11A16}"/>
          </ac:picMkLst>
        </pc:picChg>
      </pc:sldChg>
      <pc:sldChg chg="addSp new del mod">
        <pc:chgData name="植野 芳彦" userId="86ab4e6fb1040a80" providerId="LiveId" clId="{7EC28CE9-89CB-4848-8096-23D98520DDE2}" dt="2023-05-03T06:26:38.114" v="281" actId="2696"/>
        <pc:sldMkLst>
          <pc:docMk/>
          <pc:sldMk cId="3925018091" sldId="2830"/>
        </pc:sldMkLst>
        <pc:picChg chg="add">
          <ac:chgData name="植野 芳彦" userId="86ab4e6fb1040a80" providerId="LiveId" clId="{7EC28CE9-89CB-4848-8096-23D98520DDE2}" dt="2023-05-03T05:53:34.475" v="253" actId="22"/>
          <ac:picMkLst>
            <pc:docMk/>
            <pc:sldMk cId="3925018091" sldId="2830"/>
            <ac:picMk id="4" creationId="{44E1059A-B51F-3B74-AEF3-07B937221768}"/>
          </ac:picMkLst>
        </pc:picChg>
      </pc:sldChg>
      <pc:sldChg chg="addSp new del mod">
        <pc:chgData name="植野 芳彦" userId="86ab4e6fb1040a80" providerId="LiveId" clId="{7EC28CE9-89CB-4848-8096-23D98520DDE2}" dt="2023-05-03T06:26:39.197" v="282" actId="2696"/>
        <pc:sldMkLst>
          <pc:docMk/>
          <pc:sldMk cId="4008640782" sldId="2831"/>
        </pc:sldMkLst>
        <pc:picChg chg="add">
          <ac:chgData name="植野 芳彦" userId="86ab4e6fb1040a80" providerId="LiveId" clId="{7EC28CE9-89CB-4848-8096-23D98520DDE2}" dt="2023-05-03T05:54:06.958" v="255" actId="22"/>
          <ac:picMkLst>
            <pc:docMk/>
            <pc:sldMk cId="4008640782" sldId="2831"/>
            <ac:picMk id="4" creationId="{5C7EBC11-16EE-4C71-00BE-559636305FD2}"/>
          </ac:picMkLst>
        </pc:picChg>
      </pc:sldChg>
      <pc:sldChg chg="addSp new del mod">
        <pc:chgData name="植野 芳彦" userId="86ab4e6fb1040a80" providerId="LiveId" clId="{7EC28CE9-89CB-4848-8096-23D98520DDE2}" dt="2023-05-03T06:26:40.477" v="283" actId="2696"/>
        <pc:sldMkLst>
          <pc:docMk/>
          <pc:sldMk cId="4039835722" sldId="2832"/>
        </pc:sldMkLst>
        <pc:picChg chg="add">
          <ac:chgData name="植野 芳彦" userId="86ab4e6fb1040a80" providerId="LiveId" clId="{7EC28CE9-89CB-4848-8096-23D98520DDE2}" dt="2023-05-03T05:54:53.525" v="257" actId="22"/>
          <ac:picMkLst>
            <pc:docMk/>
            <pc:sldMk cId="4039835722" sldId="2832"/>
            <ac:picMk id="4" creationId="{866756C6-5E3F-B1DC-EC17-B98DC6E3B404}"/>
          </ac:picMkLst>
        </pc:picChg>
      </pc:sldChg>
      <pc:sldChg chg="addSp new del mod">
        <pc:chgData name="植野 芳彦" userId="86ab4e6fb1040a80" providerId="LiveId" clId="{7EC28CE9-89CB-4848-8096-23D98520DDE2}" dt="2023-05-03T06:26:41.388" v="284" actId="2696"/>
        <pc:sldMkLst>
          <pc:docMk/>
          <pc:sldMk cId="1990541063" sldId="2833"/>
        </pc:sldMkLst>
        <pc:picChg chg="add">
          <ac:chgData name="植野 芳彦" userId="86ab4e6fb1040a80" providerId="LiveId" clId="{7EC28CE9-89CB-4848-8096-23D98520DDE2}" dt="2023-05-03T05:55:19.133" v="259" actId="22"/>
          <ac:picMkLst>
            <pc:docMk/>
            <pc:sldMk cId="1990541063" sldId="2833"/>
            <ac:picMk id="4" creationId="{32D180B4-43A7-6EA8-5952-863FB1E3E40B}"/>
          </ac:picMkLst>
        </pc:picChg>
      </pc:sldChg>
      <pc:sldChg chg="addSp new del mod">
        <pc:chgData name="植野 芳彦" userId="86ab4e6fb1040a80" providerId="LiveId" clId="{7EC28CE9-89CB-4848-8096-23D98520DDE2}" dt="2023-05-03T06:26:42.238" v="285" actId="2696"/>
        <pc:sldMkLst>
          <pc:docMk/>
          <pc:sldMk cId="1238666893" sldId="2834"/>
        </pc:sldMkLst>
        <pc:picChg chg="add">
          <ac:chgData name="植野 芳彦" userId="86ab4e6fb1040a80" providerId="LiveId" clId="{7EC28CE9-89CB-4848-8096-23D98520DDE2}" dt="2023-05-03T05:55:49.382" v="261" actId="22"/>
          <ac:picMkLst>
            <pc:docMk/>
            <pc:sldMk cId="1238666893" sldId="2834"/>
            <ac:picMk id="4" creationId="{E920D004-CAEF-1696-92C7-2FE1CDBC1E88}"/>
          </ac:picMkLst>
        </pc:picChg>
      </pc:sldChg>
      <pc:sldChg chg="new">
        <pc:chgData name="植野 芳彦" userId="86ab4e6fb1040a80" providerId="LiveId" clId="{7EC28CE9-89CB-4848-8096-23D98520DDE2}" dt="2023-05-03T05:55:59.472" v="262" actId="680"/>
        <pc:sldMkLst>
          <pc:docMk/>
          <pc:sldMk cId="4008411034" sldId="2835"/>
        </pc:sldMkLst>
      </pc:sldChg>
      <pc:sldChg chg="addSp delSp modSp new mod">
        <pc:chgData name="植野 芳彦" userId="86ab4e6fb1040a80" providerId="LiveId" clId="{7EC28CE9-89CB-4848-8096-23D98520DDE2}" dt="2023-05-03T06:31:17.599" v="292" actId="21"/>
        <pc:sldMkLst>
          <pc:docMk/>
          <pc:sldMk cId="4229161292" sldId="2836"/>
        </pc:sldMkLst>
        <pc:picChg chg="add del mod">
          <ac:chgData name="植野 芳彦" userId="86ab4e6fb1040a80" providerId="LiveId" clId="{7EC28CE9-89CB-4848-8096-23D98520DDE2}" dt="2023-05-03T06:31:17.599" v="292" actId="21"/>
          <ac:picMkLst>
            <pc:docMk/>
            <pc:sldMk cId="4229161292" sldId="2836"/>
            <ac:picMk id="3" creationId="{1EC8CB3B-05B3-2783-5EE2-CF74726474D3}"/>
          </ac:picMkLst>
        </pc:picChg>
      </pc:sldChg>
    </pc:docChg>
  </pc:docChgLst>
</pc:chgInfo>
</file>

<file path=ppt/charts/_rels/chart1.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0" i="0" u="none" strike="noStrike" kern="1200" cap="none" spc="20" baseline="0">
                <a:solidFill>
                  <a:schemeClr val="tx1">
                    <a:lumMod val="50000"/>
                    <a:lumOff val="50000"/>
                  </a:schemeClr>
                </a:solidFill>
                <a:latin typeface="+mn-lt"/>
                <a:ea typeface="+mn-ea"/>
                <a:cs typeface="+mn-cs"/>
              </a:defRPr>
            </a:pPr>
            <a:r>
              <a:rPr lang="ja-JP"/>
              <a:t>富山市令和</a:t>
            </a:r>
            <a:r>
              <a:rPr lang="en-US"/>
              <a:t>2</a:t>
            </a:r>
            <a:r>
              <a:rPr lang="ja-JP"/>
              <a:t>年度　財政　（</a:t>
            </a:r>
            <a:r>
              <a:rPr lang="zh-TW"/>
              <a:t>金額（億円）</a:t>
            </a:r>
            <a:r>
              <a:rPr lang="ja-JP"/>
              <a:t>）</a:t>
            </a:r>
            <a:endParaRPr lang="zh-TW"/>
          </a:p>
        </c:rich>
      </c:tx>
      <c:overlay val="0"/>
      <c:spPr>
        <a:noFill/>
        <a:ln>
          <a:noFill/>
        </a:ln>
        <a:effectLst/>
      </c:spPr>
      <c:txPr>
        <a:bodyPr rot="0" spcFirstLastPara="1" vertOverflow="ellipsis" vert="horz" wrap="square" anchor="ctr" anchorCtr="1"/>
        <a:lstStyle/>
        <a:p>
          <a:pPr>
            <a:defRPr sz="1862" b="0" i="0" u="none" strike="noStrike" kern="1200" cap="none" spc="20" baseline="0">
              <a:solidFill>
                <a:schemeClr val="tx1">
                  <a:lumMod val="50000"/>
                  <a:lumOff val="50000"/>
                </a:schemeClr>
              </a:solidFill>
              <a:latin typeface="+mn-lt"/>
              <a:ea typeface="+mn-ea"/>
              <a:cs typeface="+mn-cs"/>
            </a:defRPr>
          </a:pPr>
          <a:endParaRPr lang="ja-JP"/>
        </a:p>
      </c:txPr>
    </c:title>
    <c:autoTitleDeleted val="0"/>
    <c:plotArea>
      <c:layout>
        <c:manualLayout>
          <c:layoutTarget val="inner"/>
          <c:xMode val="edge"/>
          <c:yMode val="edge"/>
          <c:x val="0.10533385179424509"/>
          <c:y val="9.5287109944590248E-2"/>
          <c:w val="0.61876691478724588"/>
          <c:h val="0.81212029746281711"/>
        </c:manualLayout>
      </c:layout>
      <c:pieChart>
        <c:varyColors val="1"/>
        <c:ser>
          <c:idx val="0"/>
          <c:order val="0"/>
          <c:tx>
            <c:strRef>
              <c:f>Sheet1!$C$3</c:f>
              <c:strCache>
                <c:ptCount val="1"/>
                <c:pt idx="0">
                  <c:v>金額（億円）</c:v>
                </c:pt>
              </c:strCache>
            </c:strRef>
          </c:tx>
          <c:explosion val="7"/>
          <c:dPt>
            <c:idx val="0"/>
            <c:bubble3D val="0"/>
            <c:spPr>
              <a:gradFill rotWithShape="1">
                <a:gsLst>
                  <a:gs pos="0">
                    <a:schemeClr val="accent1">
                      <a:tint val="50000"/>
                      <a:satMod val="300000"/>
                    </a:schemeClr>
                  </a:gs>
                  <a:gs pos="35000">
                    <a:schemeClr val="accent1">
                      <a:tint val="37000"/>
                      <a:satMod val="300000"/>
                    </a:schemeClr>
                  </a:gs>
                  <a:gs pos="100000">
                    <a:schemeClr val="accent1">
                      <a:tint val="15000"/>
                      <a:satMod val="350000"/>
                    </a:schemeClr>
                  </a:gs>
                </a:gsLst>
                <a:lin ang="16200000" scaled="1"/>
              </a:gradFill>
              <a:ln w="9525" cap="flat" cmpd="sng" algn="ctr">
                <a:solidFill>
                  <a:schemeClr val="accent1">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1-A63D-47EE-9BC2-58C466878798}"/>
              </c:ext>
            </c:extLst>
          </c:dPt>
          <c:dPt>
            <c:idx val="1"/>
            <c:bubble3D val="0"/>
            <c:spPr>
              <a:gradFill rotWithShape="1">
                <a:gsLst>
                  <a:gs pos="0">
                    <a:schemeClr val="accent2">
                      <a:tint val="50000"/>
                      <a:satMod val="300000"/>
                    </a:schemeClr>
                  </a:gs>
                  <a:gs pos="35000">
                    <a:schemeClr val="accent2">
                      <a:tint val="37000"/>
                      <a:satMod val="300000"/>
                    </a:schemeClr>
                  </a:gs>
                  <a:gs pos="100000">
                    <a:schemeClr val="accent2">
                      <a:tint val="15000"/>
                      <a:satMod val="350000"/>
                    </a:schemeClr>
                  </a:gs>
                </a:gsLst>
                <a:lin ang="16200000" scaled="1"/>
              </a:gradFill>
              <a:ln w="9525" cap="flat" cmpd="sng" algn="ctr">
                <a:solidFill>
                  <a:schemeClr val="accent2">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3-A63D-47EE-9BC2-58C466878798}"/>
              </c:ext>
            </c:extLst>
          </c:dPt>
          <c:dPt>
            <c:idx val="2"/>
            <c:bubble3D val="0"/>
            <c:spPr>
              <a:gradFill rotWithShape="1">
                <a:gsLst>
                  <a:gs pos="0">
                    <a:schemeClr val="accent3">
                      <a:tint val="50000"/>
                      <a:satMod val="300000"/>
                    </a:schemeClr>
                  </a:gs>
                  <a:gs pos="35000">
                    <a:schemeClr val="accent3">
                      <a:tint val="37000"/>
                      <a:satMod val="300000"/>
                    </a:schemeClr>
                  </a:gs>
                  <a:gs pos="100000">
                    <a:schemeClr val="accent3">
                      <a:tint val="15000"/>
                      <a:satMod val="350000"/>
                    </a:schemeClr>
                  </a:gs>
                </a:gsLst>
                <a:lin ang="16200000" scaled="1"/>
              </a:gradFill>
              <a:ln w="9525" cap="flat" cmpd="sng" algn="ctr">
                <a:solidFill>
                  <a:schemeClr val="accent3">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5-A63D-47EE-9BC2-58C466878798}"/>
              </c:ext>
            </c:extLst>
          </c:dPt>
          <c:dPt>
            <c:idx val="3"/>
            <c:bubble3D val="0"/>
            <c:spPr>
              <a:gradFill rotWithShape="1">
                <a:gsLst>
                  <a:gs pos="0">
                    <a:schemeClr val="accent4">
                      <a:tint val="50000"/>
                      <a:satMod val="300000"/>
                    </a:schemeClr>
                  </a:gs>
                  <a:gs pos="35000">
                    <a:schemeClr val="accent4">
                      <a:tint val="37000"/>
                      <a:satMod val="300000"/>
                    </a:schemeClr>
                  </a:gs>
                  <a:gs pos="100000">
                    <a:schemeClr val="accent4">
                      <a:tint val="15000"/>
                      <a:satMod val="350000"/>
                    </a:schemeClr>
                  </a:gs>
                </a:gsLst>
                <a:lin ang="16200000" scaled="1"/>
              </a:gradFill>
              <a:ln w="9525" cap="flat" cmpd="sng" algn="ctr">
                <a:solidFill>
                  <a:schemeClr val="accent4">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7-A63D-47EE-9BC2-58C466878798}"/>
              </c:ext>
            </c:extLst>
          </c:dPt>
          <c:dPt>
            <c:idx val="4"/>
            <c:bubble3D val="0"/>
            <c:spPr>
              <a:gradFill rotWithShape="1">
                <a:gsLst>
                  <a:gs pos="0">
                    <a:schemeClr val="accent5">
                      <a:tint val="50000"/>
                      <a:satMod val="300000"/>
                    </a:schemeClr>
                  </a:gs>
                  <a:gs pos="35000">
                    <a:schemeClr val="accent5">
                      <a:tint val="37000"/>
                      <a:satMod val="300000"/>
                    </a:schemeClr>
                  </a:gs>
                  <a:gs pos="100000">
                    <a:schemeClr val="accent5">
                      <a:tint val="15000"/>
                      <a:satMod val="350000"/>
                    </a:schemeClr>
                  </a:gs>
                </a:gsLst>
                <a:lin ang="16200000" scaled="1"/>
              </a:gradFill>
              <a:ln w="9525" cap="flat" cmpd="sng" algn="ctr">
                <a:solidFill>
                  <a:schemeClr val="accent5">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9-A63D-47EE-9BC2-58C466878798}"/>
              </c:ext>
            </c:extLst>
          </c:dPt>
          <c:dPt>
            <c:idx val="5"/>
            <c:bubble3D val="0"/>
            <c:spPr>
              <a:gradFill rotWithShape="1">
                <a:gsLst>
                  <a:gs pos="0">
                    <a:schemeClr val="accent6">
                      <a:tint val="50000"/>
                      <a:satMod val="300000"/>
                    </a:schemeClr>
                  </a:gs>
                  <a:gs pos="35000">
                    <a:schemeClr val="accent6">
                      <a:tint val="37000"/>
                      <a:satMod val="300000"/>
                    </a:schemeClr>
                  </a:gs>
                  <a:gs pos="100000">
                    <a:schemeClr val="accent6">
                      <a:tint val="15000"/>
                      <a:satMod val="350000"/>
                    </a:schemeClr>
                  </a:gs>
                </a:gsLst>
                <a:lin ang="16200000" scaled="1"/>
              </a:gradFill>
              <a:ln w="9525" cap="flat" cmpd="sng" algn="ctr">
                <a:solidFill>
                  <a:schemeClr val="accent6">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B-A63D-47EE-9BC2-58C466878798}"/>
              </c:ext>
            </c:extLst>
          </c:dPt>
          <c:dPt>
            <c:idx val="6"/>
            <c:bubble3D val="0"/>
            <c:spPr>
              <a:gradFill rotWithShape="1">
                <a:gsLst>
                  <a:gs pos="0">
                    <a:schemeClr val="accent1">
                      <a:lumMod val="60000"/>
                      <a:tint val="50000"/>
                      <a:satMod val="300000"/>
                    </a:schemeClr>
                  </a:gs>
                  <a:gs pos="35000">
                    <a:schemeClr val="accent1">
                      <a:lumMod val="60000"/>
                      <a:tint val="37000"/>
                      <a:satMod val="300000"/>
                    </a:schemeClr>
                  </a:gs>
                  <a:gs pos="100000">
                    <a:schemeClr val="accent1">
                      <a:lumMod val="60000"/>
                      <a:tint val="15000"/>
                      <a:satMod val="350000"/>
                    </a:schemeClr>
                  </a:gs>
                </a:gsLst>
                <a:lin ang="16200000" scaled="1"/>
              </a:gradFill>
              <a:ln w="9525" cap="flat" cmpd="sng" algn="ctr">
                <a:solidFill>
                  <a:schemeClr val="accent1">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D-A63D-47EE-9BC2-58C466878798}"/>
              </c:ext>
            </c:extLst>
          </c:dPt>
          <c:dPt>
            <c:idx val="7"/>
            <c:bubble3D val="0"/>
            <c:spPr>
              <a:gradFill rotWithShape="1">
                <a:gsLst>
                  <a:gs pos="0">
                    <a:schemeClr val="accent2">
                      <a:lumMod val="60000"/>
                      <a:tint val="50000"/>
                      <a:satMod val="300000"/>
                    </a:schemeClr>
                  </a:gs>
                  <a:gs pos="35000">
                    <a:schemeClr val="accent2">
                      <a:lumMod val="60000"/>
                      <a:tint val="37000"/>
                      <a:satMod val="300000"/>
                    </a:schemeClr>
                  </a:gs>
                  <a:gs pos="100000">
                    <a:schemeClr val="accent2">
                      <a:lumMod val="60000"/>
                      <a:tint val="15000"/>
                      <a:satMod val="350000"/>
                    </a:schemeClr>
                  </a:gs>
                </a:gsLst>
                <a:lin ang="16200000" scaled="1"/>
              </a:gradFill>
              <a:ln w="9525" cap="flat" cmpd="sng" algn="ctr">
                <a:solidFill>
                  <a:schemeClr val="accent2">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F-A63D-47EE-9BC2-58C466878798}"/>
              </c:ext>
            </c:extLst>
          </c:dPt>
          <c:dPt>
            <c:idx val="8"/>
            <c:bubble3D val="0"/>
            <c:spPr>
              <a:gradFill rotWithShape="1">
                <a:gsLst>
                  <a:gs pos="0">
                    <a:schemeClr val="accent3">
                      <a:lumMod val="60000"/>
                      <a:tint val="50000"/>
                      <a:satMod val="300000"/>
                    </a:schemeClr>
                  </a:gs>
                  <a:gs pos="35000">
                    <a:schemeClr val="accent3">
                      <a:lumMod val="60000"/>
                      <a:tint val="37000"/>
                      <a:satMod val="300000"/>
                    </a:schemeClr>
                  </a:gs>
                  <a:gs pos="100000">
                    <a:schemeClr val="accent3">
                      <a:lumMod val="60000"/>
                      <a:tint val="15000"/>
                      <a:satMod val="350000"/>
                    </a:schemeClr>
                  </a:gs>
                </a:gsLst>
                <a:lin ang="16200000" scaled="1"/>
              </a:gradFill>
              <a:ln w="9525" cap="flat" cmpd="sng" algn="ctr">
                <a:solidFill>
                  <a:schemeClr val="accent3">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11-A63D-47EE-9BC2-58C466878798}"/>
              </c:ext>
            </c:extLst>
          </c:dPt>
          <c:dPt>
            <c:idx val="9"/>
            <c:bubble3D val="0"/>
            <c:spPr>
              <a:gradFill rotWithShape="1">
                <a:gsLst>
                  <a:gs pos="0">
                    <a:schemeClr val="accent4">
                      <a:lumMod val="60000"/>
                      <a:tint val="50000"/>
                      <a:satMod val="300000"/>
                    </a:schemeClr>
                  </a:gs>
                  <a:gs pos="35000">
                    <a:schemeClr val="accent4">
                      <a:lumMod val="60000"/>
                      <a:tint val="37000"/>
                      <a:satMod val="300000"/>
                    </a:schemeClr>
                  </a:gs>
                  <a:gs pos="100000">
                    <a:schemeClr val="accent4">
                      <a:lumMod val="60000"/>
                      <a:tint val="15000"/>
                      <a:satMod val="350000"/>
                    </a:schemeClr>
                  </a:gs>
                </a:gsLst>
                <a:lin ang="16200000" scaled="1"/>
              </a:gradFill>
              <a:ln w="9525" cap="flat" cmpd="sng" algn="ctr">
                <a:solidFill>
                  <a:schemeClr val="accent4">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13-A63D-47EE-9BC2-58C466878798}"/>
              </c:ext>
            </c:extLst>
          </c:dPt>
          <c:dPt>
            <c:idx val="10"/>
            <c:bubble3D val="0"/>
            <c:spPr>
              <a:gradFill rotWithShape="1">
                <a:gsLst>
                  <a:gs pos="0">
                    <a:schemeClr val="accent5">
                      <a:lumMod val="60000"/>
                      <a:tint val="50000"/>
                      <a:satMod val="300000"/>
                    </a:schemeClr>
                  </a:gs>
                  <a:gs pos="35000">
                    <a:schemeClr val="accent5">
                      <a:lumMod val="60000"/>
                      <a:tint val="37000"/>
                      <a:satMod val="300000"/>
                    </a:schemeClr>
                  </a:gs>
                  <a:gs pos="100000">
                    <a:schemeClr val="accent5">
                      <a:lumMod val="60000"/>
                      <a:tint val="15000"/>
                      <a:satMod val="350000"/>
                    </a:schemeClr>
                  </a:gs>
                </a:gsLst>
                <a:lin ang="16200000" scaled="1"/>
              </a:gradFill>
              <a:ln w="9525" cap="flat" cmpd="sng" algn="ctr">
                <a:solidFill>
                  <a:schemeClr val="accent5">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15-A63D-47EE-9BC2-58C466878798}"/>
              </c:ext>
            </c:extLst>
          </c:dPt>
          <c:dLbls>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tx1">
                        <a:lumMod val="65000"/>
                        <a:lumOff val="35000"/>
                      </a:schemeClr>
                    </a:solidFill>
                    <a:latin typeface="+mn-lt"/>
                    <a:ea typeface="+mn-ea"/>
                    <a:cs typeface="+mn-cs"/>
                  </a:defRPr>
                </a:pPr>
                <a:endParaRPr lang="ja-JP"/>
              </a:p>
            </c:txPr>
            <c:dLblPos val="ctr"/>
            <c:showLegendKey val="0"/>
            <c:showVal val="0"/>
            <c:showCatName val="0"/>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Sheet1!$B$4:$B$14</c:f>
              <c:strCache>
                <c:ptCount val="7"/>
                <c:pt idx="0">
                  <c:v>民生費</c:v>
                </c:pt>
                <c:pt idx="1">
                  <c:v>土木費</c:v>
                </c:pt>
                <c:pt idx="2">
                  <c:v>公債費</c:v>
                </c:pt>
                <c:pt idx="3">
                  <c:v>総務費</c:v>
                </c:pt>
                <c:pt idx="4">
                  <c:v>教育費</c:v>
                </c:pt>
                <c:pt idx="5">
                  <c:v>衛生費</c:v>
                </c:pt>
                <c:pt idx="6">
                  <c:v>その他</c:v>
                </c:pt>
              </c:strCache>
            </c:strRef>
          </c:cat>
          <c:val>
            <c:numRef>
              <c:f>Sheet1!$C$4:$C$14</c:f>
              <c:numCache>
                <c:formatCode>General</c:formatCode>
                <c:ptCount val="11"/>
                <c:pt idx="0">
                  <c:v>591</c:v>
                </c:pt>
                <c:pt idx="1">
                  <c:v>256</c:v>
                </c:pt>
                <c:pt idx="2">
                  <c:v>220</c:v>
                </c:pt>
                <c:pt idx="3">
                  <c:v>178</c:v>
                </c:pt>
                <c:pt idx="4">
                  <c:v>167</c:v>
                </c:pt>
                <c:pt idx="5">
                  <c:v>91</c:v>
                </c:pt>
                <c:pt idx="6">
                  <c:v>108</c:v>
                </c:pt>
              </c:numCache>
            </c:numRef>
          </c:val>
          <c:extLst>
            <c:ext xmlns:c16="http://schemas.microsoft.com/office/drawing/2014/chart" uri="{C3380CC4-5D6E-409C-BE32-E72D297353CC}">
              <c16:uniqueId val="{00000016-A63D-47EE-9BC2-58C466878798}"/>
            </c:ext>
          </c:extLst>
        </c:ser>
        <c:dLbls>
          <c:dLblPos val="ctr"/>
          <c:showLegendKey val="0"/>
          <c:showVal val="0"/>
          <c:showCatName val="0"/>
          <c:showSerName val="0"/>
          <c:showPercent val="1"/>
          <c:showBubbleSize val="0"/>
          <c:showLeaderLines val="1"/>
        </c:dLbls>
        <c:firstSliceAng val="3"/>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1800" b="0" i="0" u="none" strike="noStrike" kern="1200" baseline="0">
              <a:solidFill>
                <a:schemeClr val="tx1">
                  <a:lumMod val="50000"/>
                  <a:lumOff val="50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userShapes r:id="rId4"/>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4">
  <cs:axisTitle>
    <cs:lnRef idx="0"/>
    <cs:fillRef idx="0"/>
    <cs:effectRef idx="0"/>
    <cs:fontRef idx="minor">
      <a:schemeClr val="tx1">
        <a:lumMod val="50000"/>
        <a:lumOff val="50000"/>
      </a:schemeClr>
    </cs:fontRef>
    <cs:defRPr sz="1197"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65000"/>
        <a:lumOff val="3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fillRef idx="2">
      <cs:styleClr val="auto"/>
    </cs:fillRef>
    <cs:effectRef idx="1"/>
    <cs:fontRef idx="minor">
      <a:schemeClr val="dk1"/>
    </cs:fontRef>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862"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1197"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1197" kern="1200"/>
  </cs:valueAxis>
  <cs:wall>
    <cs:lnRef idx="0"/>
    <cs:fillRef idx="0"/>
    <cs:effectRef idx="0"/>
    <cs:fontRef idx="minor">
      <a:schemeClr val="dk1"/>
    </cs:fontRef>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D9818593-2D1C-4D10-A209-7DE3A458174F}" type="doc">
      <dgm:prSet loTypeId="urn:microsoft.com/office/officeart/2008/layout/LinedList" loCatId="list" qsTypeId="urn:microsoft.com/office/officeart/2005/8/quickstyle/simple1" qsCatId="simple" csTypeId="urn:microsoft.com/office/officeart/2005/8/colors/accent1_2" csCatId="accent1" phldr="1"/>
      <dgm:spPr/>
      <dgm:t>
        <a:bodyPr/>
        <a:lstStyle/>
        <a:p>
          <a:endParaRPr lang="en-US"/>
        </a:p>
      </dgm:t>
    </dgm:pt>
    <dgm:pt modelId="{5E9B0C2B-4DF9-4348-978A-3B58DA1CADBB}">
      <dgm:prSet/>
      <dgm:spPr/>
      <dgm:t>
        <a:bodyPr/>
        <a:lstStyle/>
        <a:p>
          <a:r>
            <a:rPr lang="ja-JP" altLang="en-US" dirty="0"/>
            <a:t>審査基準にこたえてないなあ。</a:t>
          </a:r>
          <a:endParaRPr lang="en-US" dirty="0"/>
        </a:p>
      </dgm:t>
    </dgm:pt>
    <dgm:pt modelId="{5851E685-A46F-4C57-A57E-E3EE8B65B271}" type="parTrans" cxnId="{E6517AE6-E96D-4012-9BCE-FC30C2EEB18A}">
      <dgm:prSet/>
      <dgm:spPr/>
      <dgm:t>
        <a:bodyPr/>
        <a:lstStyle/>
        <a:p>
          <a:endParaRPr lang="en-US"/>
        </a:p>
      </dgm:t>
    </dgm:pt>
    <dgm:pt modelId="{20F28F31-2F7C-4C4E-8EF6-4F46A629F201}" type="sibTrans" cxnId="{E6517AE6-E96D-4012-9BCE-FC30C2EEB18A}">
      <dgm:prSet/>
      <dgm:spPr/>
      <dgm:t>
        <a:bodyPr/>
        <a:lstStyle/>
        <a:p>
          <a:endParaRPr lang="en-US"/>
        </a:p>
      </dgm:t>
    </dgm:pt>
    <dgm:pt modelId="{6D870C28-7761-45F8-A637-8C66A43BA2B1}">
      <dgm:prSet/>
      <dgm:spPr/>
      <dgm:t>
        <a:bodyPr/>
        <a:lstStyle/>
        <a:p>
          <a:r>
            <a:rPr lang="ja-JP" dirty="0"/>
            <a:t>ありきたりの提案で、</a:t>
          </a:r>
          <a:r>
            <a:rPr lang="ja-JP" altLang="en-US" dirty="0"/>
            <a:t>具体性がないなあ</a:t>
          </a:r>
          <a:r>
            <a:rPr lang="ja-JP" dirty="0"/>
            <a:t>。</a:t>
          </a:r>
          <a:endParaRPr lang="en-US" dirty="0"/>
        </a:p>
      </dgm:t>
    </dgm:pt>
    <dgm:pt modelId="{0FBACA48-E9AA-4DD2-B1C8-E3D7B8409AE3}" type="parTrans" cxnId="{8BDC7214-7D0F-4717-86D4-BA4059A03B61}">
      <dgm:prSet/>
      <dgm:spPr/>
      <dgm:t>
        <a:bodyPr/>
        <a:lstStyle/>
        <a:p>
          <a:endParaRPr lang="en-US"/>
        </a:p>
      </dgm:t>
    </dgm:pt>
    <dgm:pt modelId="{EA97183B-BF26-40D9-AFB3-DFC453EFD0F3}" type="sibTrans" cxnId="{8BDC7214-7D0F-4717-86D4-BA4059A03B61}">
      <dgm:prSet/>
      <dgm:spPr/>
      <dgm:t>
        <a:bodyPr/>
        <a:lstStyle/>
        <a:p>
          <a:endParaRPr lang="en-US"/>
        </a:p>
      </dgm:t>
    </dgm:pt>
    <dgm:pt modelId="{9084750C-ADAA-4B19-89BD-59A63C92C471}">
      <dgm:prSet/>
      <dgm:spPr/>
      <dgm:t>
        <a:bodyPr/>
        <a:lstStyle/>
        <a:p>
          <a:r>
            <a:rPr lang="ja-JP"/>
            <a:t>余白が多く、提案作成に一生懸命さがみえないな。</a:t>
          </a:r>
          <a:endParaRPr lang="en-US"/>
        </a:p>
      </dgm:t>
    </dgm:pt>
    <dgm:pt modelId="{CF6AEDD7-E67F-4086-9C4B-339BFD4B290E}" type="parTrans" cxnId="{16CBE207-C79B-4F75-B123-E1D2231C9708}">
      <dgm:prSet/>
      <dgm:spPr/>
      <dgm:t>
        <a:bodyPr/>
        <a:lstStyle/>
        <a:p>
          <a:endParaRPr lang="en-US"/>
        </a:p>
      </dgm:t>
    </dgm:pt>
    <dgm:pt modelId="{5E329915-2012-4E08-94C8-57E11169B2C0}" type="sibTrans" cxnId="{16CBE207-C79B-4F75-B123-E1D2231C9708}">
      <dgm:prSet/>
      <dgm:spPr/>
      <dgm:t>
        <a:bodyPr/>
        <a:lstStyle/>
        <a:p>
          <a:endParaRPr lang="en-US"/>
        </a:p>
      </dgm:t>
    </dgm:pt>
    <dgm:pt modelId="{1BB9D506-4441-493A-ADB7-342C0352029E}">
      <dgm:prSet/>
      <dgm:spPr/>
      <dgm:t>
        <a:bodyPr/>
        <a:lstStyle/>
        <a:p>
          <a:r>
            <a:rPr lang="ja-JP" altLang="en-US" dirty="0"/>
            <a:t>一般論で誰でもやるような提案ばかりだな</a:t>
          </a:r>
          <a:r>
            <a:rPr lang="ja-JP" dirty="0"/>
            <a:t>。</a:t>
          </a:r>
          <a:endParaRPr lang="en-US" dirty="0"/>
        </a:p>
      </dgm:t>
    </dgm:pt>
    <dgm:pt modelId="{0E93D729-9FCA-49F5-BEB4-20C9DB6D5B6D}" type="parTrans" cxnId="{5210D33F-0EEA-4794-8CBE-20896554B9DB}">
      <dgm:prSet/>
      <dgm:spPr/>
      <dgm:t>
        <a:bodyPr/>
        <a:lstStyle/>
        <a:p>
          <a:endParaRPr lang="en-US"/>
        </a:p>
      </dgm:t>
    </dgm:pt>
    <dgm:pt modelId="{5BA98DDB-4937-4C62-B606-CB5296D2A5C1}" type="sibTrans" cxnId="{5210D33F-0EEA-4794-8CBE-20896554B9DB}">
      <dgm:prSet/>
      <dgm:spPr/>
      <dgm:t>
        <a:bodyPr/>
        <a:lstStyle/>
        <a:p>
          <a:endParaRPr lang="en-US"/>
        </a:p>
      </dgm:t>
    </dgm:pt>
    <dgm:pt modelId="{45AA5249-A0E2-47B4-BEF2-84C2AC63D5BF}">
      <dgm:prSet/>
      <dgm:spPr/>
      <dgm:t>
        <a:bodyPr/>
        <a:lstStyle/>
        <a:p>
          <a:r>
            <a:rPr lang="ja-JP" altLang="en-US" dirty="0"/>
            <a:t>いいこといっぱい書いてあるけど本当にやれるのかな。</a:t>
          </a:r>
          <a:endParaRPr lang="en-US" dirty="0"/>
        </a:p>
      </dgm:t>
    </dgm:pt>
    <dgm:pt modelId="{BC215CA3-9AD9-4F5F-9A9D-7BE9D9168382}" type="parTrans" cxnId="{9536E07D-F15A-4EC2-A5D2-BD303DB01A1E}">
      <dgm:prSet/>
      <dgm:spPr/>
      <dgm:t>
        <a:bodyPr/>
        <a:lstStyle/>
        <a:p>
          <a:endParaRPr lang="en-US"/>
        </a:p>
      </dgm:t>
    </dgm:pt>
    <dgm:pt modelId="{11554420-ACFC-49AA-BB69-2F5B2DAD5FCE}" type="sibTrans" cxnId="{9536E07D-F15A-4EC2-A5D2-BD303DB01A1E}">
      <dgm:prSet/>
      <dgm:spPr/>
      <dgm:t>
        <a:bodyPr/>
        <a:lstStyle/>
        <a:p>
          <a:endParaRPr lang="en-US"/>
        </a:p>
      </dgm:t>
    </dgm:pt>
    <dgm:pt modelId="{DA6C570E-F76B-4A45-8F0F-422BFC2BCC48}">
      <dgm:prSet/>
      <dgm:spPr/>
      <dgm:t>
        <a:bodyPr/>
        <a:lstStyle/>
        <a:p>
          <a:r>
            <a:rPr lang="ja-JP" altLang="en-US" dirty="0"/>
            <a:t>個々の提案いいけど、あちこちの記載に矛盾がみえるな</a:t>
          </a:r>
          <a:r>
            <a:rPr lang="ja-JP" dirty="0"/>
            <a:t>。</a:t>
          </a:r>
          <a:endParaRPr lang="en-US" dirty="0"/>
        </a:p>
      </dgm:t>
    </dgm:pt>
    <dgm:pt modelId="{B77F5940-7AD6-4E53-B987-4F81FC3E8EE0}" type="parTrans" cxnId="{E2161ACE-F90F-4B89-B9FF-3DC5140857A0}">
      <dgm:prSet/>
      <dgm:spPr/>
      <dgm:t>
        <a:bodyPr/>
        <a:lstStyle/>
        <a:p>
          <a:endParaRPr lang="en-US"/>
        </a:p>
      </dgm:t>
    </dgm:pt>
    <dgm:pt modelId="{4C479DC4-919D-43ED-9A8A-356A903EE165}" type="sibTrans" cxnId="{E2161ACE-F90F-4B89-B9FF-3DC5140857A0}">
      <dgm:prSet/>
      <dgm:spPr/>
      <dgm:t>
        <a:bodyPr/>
        <a:lstStyle/>
        <a:p>
          <a:endParaRPr lang="en-US"/>
        </a:p>
      </dgm:t>
    </dgm:pt>
    <dgm:pt modelId="{84CBFEAA-AAD5-4321-9706-5994145F9389}" type="pres">
      <dgm:prSet presAssocID="{D9818593-2D1C-4D10-A209-7DE3A458174F}" presName="vert0" presStyleCnt="0">
        <dgm:presLayoutVars>
          <dgm:dir/>
          <dgm:animOne val="branch"/>
          <dgm:animLvl val="lvl"/>
        </dgm:presLayoutVars>
      </dgm:prSet>
      <dgm:spPr/>
    </dgm:pt>
    <dgm:pt modelId="{7296C826-E378-42EE-81B8-01566D8458D8}" type="pres">
      <dgm:prSet presAssocID="{5E9B0C2B-4DF9-4348-978A-3B58DA1CADBB}" presName="thickLine" presStyleLbl="alignNode1" presStyleIdx="0" presStyleCnt="6"/>
      <dgm:spPr/>
    </dgm:pt>
    <dgm:pt modelId="{83F07900-8A3F-4572-9D3A-B37948DA9B5A}" type="pres">
      <dgm:prSet presAssocID="{5E9B0C2B-4DF9-4348-978A-3B58DA1CADBB}" presName="horz1" presStyleCnt="0"/>
      <dgm:spPr/>
    </dgm:pt>
    <dgm:pt modelId="{000A191A-F93C-4066-B739-872FF0844D5B}" type="pres">
      <dgm:prSet presAssocID="{5E9B0C2B-4DF9-4348-978A-3B58DA1CADBB}" presName="tx1" presStyleLbl="revTx" presStyleIdx="0" presStyleCnt="6"/>
      <dgm:spPr/>
    </dgm:pt>
    <dgm:pt modelId="{609C987D-6F58-4E8E-B948-C643B2BD7C70}" type="pres">
      <dgm:prSet presAssocID="{5E9B0C2B-4DF9-4348-978A-3B58DA1CADBB}" presName="vert1" presStyleCnt="0"/>
      <dgm:spPr/>
    </dgm:pt>
    <dgm:pt modelId="{B5E0EBDC-E813-4CCB-B007-47486A9F5979}" type="pres">
      <dgm:prSet presAssocID="{6D870C28-7761-45F8-A637-8C66A43BA2B1}" presName="thickLine" presStyleLbl="alignNode1" presStyleIdx="1" presStyleCnt="6"/>
      <dgm:spPr/>
    </dgm:pt>
    <dgm:pt modelId="{0A14BFD0-CE8A-476C-B9A3-1660B16CB237}" type="pres">
      <dgm:prSet presAssocID="{6D870C28-7761-45F8-A637-8C66A43BA2B1}" presName="horz1" presStyleCnt="0"/>
      <dgm:spPr/>
    </dgm:pt>
    <dgm:pt modelId="{51FBD0F6-B636-4D31-B006-F87D52DA8944}" type="pres">
      <dgm:prSet presAssocID="{6D870C28-7761-45F8-A637-8C66A43BA2B1}" presName="tx1" presStyleLbl="revTx" presStyleIdx="1" presStyleCnt="6"/>
      <dgm:spPr/>
    </dgm:pt>
    <dgm:pt modelId="{08D45AB4-6E5A-4B19-A36A-8CCEA35190BB}" type="pres">
      <dgm:prSet presAssocID="{6D870C28-7761-45F8-A637-8C66A43BA2B1}" presName="vert1" presStyleCnt="0"/>
      <dgm:spPr/>
    </dgm:pt>
    <dgm:pt modelId="{8427DE5C-4E7D-4DA4-A8B3-80E405E78064}" type="pres">
      <dgm:prSet presAssocID="{9084750C-ADAA-4B19-89BD-59A63C92C471}" presName="thickLine" presStyleLbl="alignNode1" presStyleIdx="2" presStyleCnt="6"/>
      <dgm:spPr/>
    </dgm:pt>
    <dgm:pt modelId="{549D5220-BC9B-4529-AFE6-A583B9392FF8}" type="pres">
      <dgm:prSet presAssocID="{9084750C-ADAA-4B19-89BD-59A63C92C471}" presName="horz1" presStyleCnt="0"/>
      <dgm:spPr/>
    </dgm:pt>
    <dgm:pt modelId="{1525B998-07E8-431F-B701-7CE869E66812}" type="pres">
      <dgm:prSet presAssocID="{9084750C-ADAA-4B19-89BD-59A63C92C471}" presName="tx1" presStyleLbl="revTx" presStyleIdx="2" presStyleCnt="6"/>
      <dgm:spPr/>
    </dgm:pt>
    <dgm:pt modelId="{A9FDD09C-7AC0-44A7-B73B-5C6DDAE60AC4}" type="pres">
      <dgm:prSet presAssocID="{9084750C-ADAA-4B19-89BD-59A63C92C471}" presName="vert1" presStyleCnt="0"/>
      <dgm:spPr/>
    </dgm:pt>
    <dgm:pt modelId="{5910FA28-7489-4BB1-92A9-23C389A75D41}" type="pres">
      <dgm:prSet presAssocID="{1BB9D506-4441-493A-ADB7-342C0352029E}" presName="thickLine" presStyleLbl="alignNode1" presStyleIdx="3" presStyleCnt="6"/>
      <dgm:spPr/>
    </dgm:pt>
    <dgm:pt modelId="{DE55F8C6-78A8-4EC5-93A3-E0182921EDD7}" type="pres">
      <dgm:prSet presAssocID="{1BB9D506-4441-493A-ADB7-342C0352029E}" presName="horz1" presStyleCnt="0"/>
      <dgm:spPr/>
    </dgm:pt>
    <dgm:pt modelId="{287C9381-0B19-428C-9F21-5B0591485F46}" type="pres">
      <dgm:prSet presAssocID="{1BB9D506-4441-493A-ADB7-342C0352029E}" presName="tx1" presStyleLbl="revTx" presStyleIdx="3" presStyleCnt="6"/>
      <dgm:spPr/>
    </dgm:pt>
    <dgm:pt modelId="{EA715D75-D858-4016-BB7E-1886AAD88623}" type="pres">
      <dgm:prSet presAssocID="{1BB9D506-4441-493A-ADB7-342C0352029E}" presName="vert1" presStyleCnt="0"/>
      <dgm:spPr/>
    </dgm:pt>
    <dgm:pt modelId="{7E476EAC-01E3-401C-83CA-6D5C059DB933}" type="pres">
      <dgm:prSet presAssocID="{45AA5249-A0E2-47B4-BEF2-84C2AC63D5BF}" presName="thickLine" presStyleLbl="alignNode1" presStyleIdx="4" presStyleCnt="6"/>
      <dgm:spPr/>
    </dgm:pt>
    <dgm:pt modelId="{9E1D0281-4003-4273-BDFF-365B6A143044}" type="pres">
      <dgm:prSet presAssocID="{45AA5249-A0E2-47B4-BEF2-84C2AC63D5BF}" presName="horz1" presStyleCnt="0"/>
      <dgm:spPr/>
    </dgm:pt>
    <dgm:pt modelId="{740AA0B3-8EEF-47F5-A110-18595D6E1B1E}" type="pres">
      <dgm:prSet presAssocID="{45AA5249-A0E2-47B4-BEF2-84C2AC63D5BF}" presName="tx1" presStyleLbl="revTx" presStyleIdx="4" presStyleCnt="6"/>
      <dgm:spPr/>
    </dgm:pt>
    <dgm:pt modelId="{EF2E8C56-50DB-431D-9F46-9C7282AB3CAF}" type="pres">
      <dgm:prSet presAssocID="{45AA5249-A0E2-47B4-BEF2-84C2AC63D5BF}" presName="vert1" presStyleCnt="0"/>
      <dgm:spPr/>
    </dgm:pt>
    <dgm:pt modelId="{E1989253-9106-4F85-9C1C-737EF4C3FDAB}" type="pres">
      <dgm:prSet presAssocID="{DA6C570E-F76B-4A45-8F0F-422BFC2BCC48}" presName="thickLine" presStyleLbl="alignNode1" presStyleIdx="5" presStyleCnt="6"/>
      <dgm:spPr/>
    </dgm:pt>
    <dgm:pt modelId="{B3CFA788-52BF-4839-B3F7-B5D1C70085D3}" type="pres">
      <dgm:prSet presAssocID="{DA6C570E-F76B-4A45-8F0F-422BFC2BCC48}" presName="horz1" presStyleCnt="0"/>
      <dgm:spPr/>
    </dgm:pt>
    <dgm:pt modelId="{737C3940-7D7B-4CFE-A387-4BFDD8A3F6F3}" type="pres">
      <dgm:prSet presAssocID="{DA6C570E-F76B-4A45-8F0F-422BFC2BCC48}" presName="tx1" presStyleLbl="revTx" presStyleIdx="5" presStyleCnt="6"/>
      <dgm:spPr/>
    </dgm:pt>
    <dgm:pt modelId="{E7B526A4-EA69-4A56-AD3F-A68CDBBED0B3}" type="pres">
      <dgm:prSet presAssocID="{DA6C570E-F76B-4A45-8F0F-422BFC2BCC48}" presName="vert1" presStyleCnt="0"/>
      <dgm:spPr/>
    </dgm:pt>
  </dgm:ptLst>
  <dgm:cxnLst>
    <dgm:cxn modelId="{16CBE207-C79B-4F75-B123-E1D2231C9708}" srcId="{D9818593-2D1C-4D10-A209-7DE3A458174F}" destId="{9084750C-ADAA-4B19-89BD-59A63C92C471}" srcOrd="2" destOrd="0" parTransId="{CF6AEDD7-E67F-4086-9C4B-339BFD4B290E}" sibTransId="{5E329915-2012-4E08-94C8-57E11169B2C0}"/>
    <dgm:cxn modelId="{8BDC7214-7D0F-4717-86D4-BA4059A03B61}" srcId="{D9818593-2D1C-4D10-A209-7DE3A458174F}" destId="{6D870C28-7761-45F8-A637-8C66A43BA2B1}" srcOrd="1" destOrd="0" parTransId="{0FBACA48-E9AA-4DD2-B1C8-E3D7B8409AE3}" sibTransId="{EA97183B-BF26-40D9-AFB3-DFC453EFD0F3}"/>
    <dgm:cxn modelId="{6A5A0D1C-2558-47ED-B55C-66C0B8234918}" type="presOf" srcId="{1BB9D506-4441-493A-ADB7-342C0352029E}" destId="{287C9381-0B19-428C-9F21-5B0591485F46}" srcOrd="0" destOrd="0" presId="urn:microsoft.com/office/officeart/2008/layout/LinedList"/>
    <dgm:cxn modelId="{ACA33F1C-C210-4D6C-873A-BF5C8ACEC64C}" type="presOf" srcId="{5E9B0C2B-4DF9-4348-978A-3B58DA1CADBB}" destId="{000A191A-F93C-4066-B739-872FF0844D5B}" srcOrd="0" destOrd="0" presId="urn:microsoft.com/office/officeart/2008/layout/LinedList"/>
    <dgm:cxn modelId="{5210D33F-0EEA-4794-8CBE-20896554B9DB}" srcId="{D9818593-2D1C-4D10-A209-7DE3A458174F}" destId="{1BB9D506-4441-493A-ADB7-342C0352029E}" srcOrd="3" destOrd="0" parTransId="{0E93D729-9FCA-49F5-BEB4-20C9DB6D5B6D}" sibTransId="{5BA98DDB-4937-4C62-B606-CB5296D2A5C1}"/>
    <dgm:cxn modelId="{09FEB068-1848-4AE4-A950-9FBBD48AD828}" type="presOf" srcId="{6D870C28-7761-45F8-A637-8C66A43BA2B1}" destId="{51FBD0F6-B636-4D31-B006-F87D52DA8944}" srcOrd="0" destOrd="0" presId="urn:microsoft.com/office/officeart/2008/layout/LinedList"/>
    <dgm:cxn modelId="{BE60284B-18F5-4299-B09B-72563E4B88CE}" type="presOf" srcId="{D9818593-2D1C-4D10-A209-7DE3A458174F}" destId="{84CBFEAA-AAD5-4321-9706-5994145F9389}" srcOrd="0" destOrd="0" presId="urn:microsoft.com/office/officeart/2008/layout/LinedList"/>
    <dgm:cxn modelId="{E761594F-BF39-4D64-842F-9ADFC9BA29F6}" type="presOf" srcId="{9084750C-ADAA-4B19-89BD-59A63C92C471}" destId="{1525B998-07E8-431F-B701-7CE869E66812}" srcOrd="0" destOrd="0" presId="urn:microsoft.com/office/officeart/2008/layout/LinedList"/>
    <dgm:cxn modelId="{FB4C8E55-60F6-4B51-A8B2-64BA117413CF}" type="presOf" srcId="{DA6C570E-F76B-4A45-8F0F-422BFC2BCC48}" destId="{737C3940-7D7B-4CFE-A387-4BFDD8A3F6F3}" srcOrd="0" destOrd="0" presId="urn:microsoft.com/office/officeart/2008/layout/LinedList"/>
    <dgm:cxn modelId="{9536E07D-F15A-4EC2-A5D2-BD303DB01A1E}" srcId="{D9818593-2D1C-4D10-A209-7DE3A458174F}" destId="{45AA5249-A0E2-47B4-BEF2-84C2AC63D5BF}" srcOrd="4" destOrd="0" parTransId="{BC215CA3-9AD9-4F5F-9A9D-7BE9D9168382}" sibTransId="{11554420-ACFC-49AA-BB69-2F5B2DAD5FCE}"/>
    <dgm:cxn modelId="{896A1DB1-DFC1-4245-B140-0802935C199C}" type="presOf" srcId="{45AA5249-A0E2-47B4-BEF2-84C2AC63D5BF}" destId="{740AA0B3-8EEF-47F5-A110-18595D6E1B1E}" srcOrd="0" destOrd="0" presId="urn:microsoft.com/office/officeart/2008/layout/LinedList"/>
    <dgm:cxn modelId="{E2161ACE-F90F-4B89-B9FF-3DC5140857A0}" srcId="{D9818593-2D1C-4D10-A209-7DE3A458174F}" destId="{DA6C570E-F76B-4A45-8F0F-422BFC2BCC48}" srcOrd="5" destOrd="0" parTransId="{B77F5940-7AD6-4E53-B987-4F81FC3E8EE0}" sibTransId="{4C479DC4-919D-43ED-9A8A-356A903EE165}"/>
    <dgm:cxn modelId="{E6517AE6-E96D-4012-9BCE-FC30C2EEB18A}" srcId="{D9818593-2D1C-4D10-A209-7DE3A458174F}" destId="{5E9B0C2B-4DF9-4348-978A-3B58DA1CADBB}" srcOrd="0" destOrd="0" parTransId="{5851E685-A46F-4C57-A57E-E3EE8B65B271}" sibTransId="{20F28F31-2F7C-4C4E-8EF6-4F46A629F201}"/>
    <dgm:cxn modelId="{15208825-BA19-4088-BAB4-061D68FAF27A}" type="presParOf" srcId="{84CBFEAA-AAD5-4321-9706-5994145F9389}" destId="{7296C826-E378-42EE-81B8-01566D8458D8}" srcOrd="0" destOrd="0" presId="urn:microsoft.com/office/officeart/2008/layout/LinedList"/>
    <dgm:cxn modelId="{7DC73BA6-65BC-4DE5-9134-CA9E06222578}" type="presParOf" srcId="{84CBFEAA-AAD5-4321-9706-5994145F9389}" destId="{83F07900-8A3F-4572-9D3A-B37948DA9B5A}" srcOrd="1" destOrd="0" presId="urn:microsoft.com/office/officeart/2008/layout/LinedList"/>
    <dgm:cxn modelId="{D2B9592F-FBC7-424C-83D1-59467B86B336}" type="presParOf" srcId="{83F07900-8A3F-4572-9D3A-B37948DA9B5A}" destId="{000A191A-F93C-4066-B739-872FF0844D5B}" srcOrd="0" destOrd="0" presId="urn:microsoft.com/office/officeart/2008/layout/LinedList"/>
    <dgm:cxn modelId="{2C287DA8-B8AC-4E1C-8C6C-9CC926847818}" type="presParOf" srcId="{83F07900-8A3F-4572-9D3A-B37948DA9B5A}" destId="{609C987D-6F58-4E8E-B948-C643B2BD7C70}" srcOrd="1" destOrd="0" presId="urn:microsoft.com/office/officeart/2008/layout/LinedList"/>
    <dgm:cxn modelId="{59439F9D-34C6-47DE-8317-5F97685484AD}" type="presParOf" srcId="{84CBFEAA-AAD5-4321-9706-5994145F9389}" destId="{B5E0EBDC-E813-4CCB-B007-47486A9F5979}" srcOrd="2" destOrd="0" presId="urn:microsoft.com/office/officeart/2008/layout/LinedList"/>
    <dgm:cxn modelId="{5D517CC4-36EB-49FC-BB19-50AEA1019B0D}" type="presParOf" srcId="{84CBFEAA-AAD5-4321-9706-5994145F9389}" destId="{0A14BFD0-CE8A-476C-B9A3-1660B16CB237}" srcOrd="3" destOrd="0" presId="urn:microsoft.com/office/officeart/2008/layout/LinedList"/>
    <dgm:cxn modelId="{F1D8CD67-A85E-40E7-A6FC-D018C45DAC30}" type="presParOf" srcId="{0A14BFD0-CE8A-476C-B9A3-1660B16CB237}" destId="{51FBD0F6-B636-4D31-B006-F87D52DA8944}" srcOrd="0" destOrd="0" presId="urn:microsoft.com/office/officeart/2008/layout/LinedList"/>
    <dgm:cxn modelId="{C1444C0D-93A6-45AD-AEDE-9D0D5D10A03E}" type="presParOf" srcId="{0A14BFD0-CE8A-476C-B9A3-1660B16CB237}" destId="{08D45AB4-6E5A-4B19-A36A-8CCEA35190BB}" srcOrd="1" destOrd="0" presId="urn:microsoft.com/office/officeart/2008/layout/LinedList"/>
    <dgm:cxn modelId="{F8643DC2-40E5-4AB4-B578-EBDE55C30611}" type="presParOf" srcId="{84CBFEAA-AAD5-4321-9706-5994145F9389}" destId="{8427DE5C-4E7D-4DA4-A8B3-80E405E78064}" srcOrd="4" destOrd="0" presId="urn:microsoft.com/office/officeart/2008/layout/LinedList"/>
    <dgm:cxn modelId="{C61CC4FE-F0C9-4F14-A690-57A5102EFB88}" type="presParOf" srcId="{84CBFEAA-AAD5-4321-9706-5994145F9389}" destId="{549D5220-BC9B-4529-AFE6-A583B9392FF8}" srcOrd="5" destOrd="0" presId="urn:microsoft.com/office/officeart/2008/layout/LinedList"/>
    <dgm:cxn modelId="{19C7C19B-4F36-444E-BC3D-629F336FEC85}" type="presParOf" srcId="{549D5220-BC9B-4529-AFE6-A583B9392FF8}" destId="{1525B998-07E8-431F-B701-7CE869E66812}" srcOrd="0" destOrd="0" presId="urn:microsoft.com/office/officeart/2008/layout/LinedList"/>
    <dgm:cxn modelId="{F4735C72-53D7-42C1-A5FE-69E73BFB31AC}" type="presParOf" srcId="{549D5220-BC9B-4529-AFE6-A583B9392FF8}" destId="{A9FDD09C-7AC0-44A7-B73B-5C6DDAE60AC4}" srcOrd="1" destOrd="0" presId="urn:microsoft.com/office/officeart/2008/layout/LinedList"/>
    <dgm:cxn modelId="{B9573682-2532-4A04-8024-F72BB84822A4}" type="presParOf" srcId="{84CBFEAA-AAD5-4321-9706-5994145F9389}" destId="{5910FA28-7489-4BB1-92A9-23C389A75D41}" srcOrd="6" destOrd="0" presId="urn:microsoft.com/office/officeart/2008/layout/LinedList"/>
    <dgm:cxn modelId="{D3E77881-7C17-453D-AE9A-56D8C8C69F9C}" type="presParOf" srcId="{84CBFEAA-AAD5-4321-9706-5994145F9389}" destId="{DE55F8C6-78A8-4EC5-93A3-E0182921EDD7}" srcOrd="7" destOrd="0" presId="urn:microsoft.com/office/officeart/2008/layout/LinedList"/>
    <dgm:cxn modelId="{AB090748-DFEA-48F3-88A4-899437D2E522}" type="presParOf" srcId="{DE55F8C6-78A8-4EC5-93A3-E0182921EDD7}" destId="{287C9381-0B19-428C-9F21-5B0591485F46}" srcOrd="0" destOrd="0" presId="urn:microsoft.com/office/officeart/2008/layout/LinedList"/>
    <dgm:cxn modelId="{13BF82C4-5A13-4EA4-8C6D-E9B0D6A3C745}" type="presParOf" srcId="{DE55F8C6-78A8-4EC5-93A3-E0182921EDD7}" destId="{EA715D75-D858-4016-BB7E-1886AAD88623}" srcOrd="1" destOrd="0" presId="urn:microsoft.com/office/officeart/2008/layout/LinedList"/>
    <dgm:cxn modelId="{031C99CF-7B63-45A4-9F33-17BF6E476FD6}" type="presParOf" srcId="{84CBFEAA-AAD5-4321-9706-5994145F9389}" destId="{7E476EAC-01E3-401C-83CA-6D5C059DB933}" srcOrd="8" destOrd="0" presId="urn:microsoft.com/office/officeart/2008/layout/LinedList"/>
    <dgm:cxn modelId="{12108FB1-EB84-4E0F-98EE-5669A04E0D47}" type="presParOf" srcId="{84CBFEAA-AAD5-4321-9706-5994145F9389}" destId="{9E1D0281-4003-4273-BDFF-365B6A143044}" srcOrd="9" destOrd="0" presId="urn:microsoft.com/office/officeart/2008/layout/LinedList"/>
    <dgm:cxn modelId="{1E09ED37-4B5B-4C90-A559-850DFD726A95}" type="presParOf" srcId="{9E1D0281-4003-4273-BDFF-365B6A143044}" destId="{740AA0B3-8EEF-47F5-A110-18595D6E1B1E}" srcOrd="0" destOrd="0" presId="urn:microsoft.com/office/officeart/2008/layout/LinedList"/>
    <dgm:cxn modelId="{AC3512A0-3A3A-4703-B9FB-16637CACB54C}" type="presParOf" srcId="{9E1D0281-4003-4273-BDFF-365B6A143044}" destId="{EF2E8C56-50DB-431D-9F46-9C7282AB3CAF}" srcOrd="1" destOrd="0" presId="urn:microsoft.com/office/officeart/2008/layout/LinedList"/>
    <dgm:cxn modelId="{E01A88C7-EDF9-4433-A6EC-09F86DF6AEB1}" type="presParOf" srcId="{84CBFEAA-AAD5-4321-9706-5994145F9389}" destId="{E1989253-9106-4F85-9C1C-737EF4C3FDAB}" srcOrd="10" destOrd="0" presId="urn:microsoft.com/office/officeart/2008/layout/LinedList"/>
    <dgm:cxn modelId="{87E8E664-5E23-4768-B944-10CC3E0026CC}" type="presParOf" srcId="{84CBFEAA-AAD5-4321-9706-5994145F9389}" destId="{B3CFA788-52BF-4839-B3F7-B5D1C70085D3}" srcOrd="11" destOrd="0" presId="urn:microsoft.com/office/officeart/2008/layout/LinedList"/>
    <dgm:cxn modelId="{FB2D34A1-5764-44FC-9CFE-745E7B2ADA53}" type="presParOf" srcId="{B3CFA788-52BF-4839-B3F7-B5D1C70085D3}" destId="{737C3940-7D7B-4CFE-A387-4BFDD8A3F6F3}" srcOrd="0" destOrd="0" presId="urn:microsoft.com/office/officeart/2008/layout/LinedList"/>
    <dgm:cxn modelId="{72236461-D1E1-4811-98A0-AAC3455D9C92}" type="presParOf" srcId="{B3CFA788-52BF-4839-B3F7-B5D1C70085D3}" destId="{E7B526A4-EA69-4A56-AD3F-A68CDBBED0B3}" srcOrd="1" destOrd="0" presId="urn:microsoft.com/office/officeart/2008/layout/Lined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D9818593-2D1C-4D10-A209-7DE3A458174F}" type="doc">
      <dgm:prSet loTypeId="urn:microsoft.com/office/officeart/2008/layout/LinedList" loCatId="list" qsTypeId="urn:microsoft.com/office/officeart/2005/8/quickstyle/simple1" qsCatId="simple" csTypeId="urn:microsoft.com/office/officeart/2005/8/colors/accent1_2" csCatId="accent1"/>
      <dgm:spPr/>
      <dgm:t>
        <a:bodyPr/>
        <a:lstStyle/>
        <a:p>
          <a:endParaRPr lang="en-US"/>
        </a:p>
      </dgm:t>
    </dgm:pt>
    <dgm:pt modelId="{5E9B0C2B-4DF9-4348-978A-3B58DA1CADBB}">
      <dgm:prSet/>
      <dgm:spPr/>
      <dgm:t>
        <a:bodyPr/>
        <a:lstStyle/>
        <a:p>
          <a:r>
            <a:rPr lang="ja-JP"/>
            <a:t>熱意が感じられないね。（多くはプレゼンの印象）</a:t>
          </a:r>
          <a:endParaRPr lang="en-US"/>
        </a:p>
      </dgm:t>
    </dgm:pt>
    <dgm:pt modelId="{5851E685-A46F-4C57-A57E-E3EE8B65B271}" type="parTrans" cxnId="{E6517AE6-E96D-4012-9BCE-FC30C2EEB18A}">
      <dgm:prSet/>
      <dgm:spPr/>
      <dgm:t>
        <a:bodyPr/>
        <a:lstStyle/>
        <a:p>
          <a:endParaRPr lang="en-US"/>
        </a:p>
      </dgm:t>
    </dgm:pt>
    <dgm:pt modelId="{20F28F31-2F7C-4C4E-8EF6-4F46A629F201}" type="sibTrans" cxnId="{E6517AE6-E96D-4012-9BCE-FC30C2EEB18A}">
      <dgm:prSet/>
      <dgm:spPr/>
      <dgm:t>
        <a:bodyPr/>
        <a:lstStyle/>
        <a:p>
          <a:endParaRPr lang="en-US"/>
        </a:p>
      </dgm:t>
    </dgm:pt>
    <dgm:pt modelId="{6D870C28-7761-45F8-A637-8C66A43BA2B1}">
      <dgm:prSet/>
      <dgm:spPr/>
      <dgm:t>
        <a:bodyPr/>
        <a:lstStyle/>
        <a:p>
          <a:r>
            <a:rPr lang="ja-JP"/>
            <a:t>ありきたりの提案で、創意工夫の少ないチームかな。</a:t>
          </a:r>
          <a:endParaRPr lang="en-US"/>
        </a:p>
      </dgm:t>
    </dgm:pt>
    <dgm:pt modelId="{0FBACA48-E9AA-4DD2-B1C8-E3D7B8409AE3}" type="parTrans" cxnId="{8BDC7214-7D0F-4717-86D4-BA4059A03B61}">
      <dgm:prSet/>
      <dgm:spPr/>
      <dgm:t>
        <a:bodyPr/>
        <a:lstStyle/>
        <a:p>
          <a:endParaRPr lang="en-US"/>
        </a:p>
      </dgm:t>
    </dgm:pt>
    <dgm:pt modelId="{EA97183B-BF26-40D9-AFB3-DFC453EFD0F3}" type="sibTrans" cxnId="{8BDC7214-7D0F-4717-86D4-BA4059A03B61}">
      <dgm:prSet/>
      <dgm:spPr/>
      <dgm:t>
        <a:bodyPr/>
        <a:lstStyle/>
        <a:p>
          <a:endParaRPr lang="en-US"/>
        </a:p>
      </dgm:t>
    </dgm:pt>
    <dgm:pt modelId="{9084750C-ADAA-4B19-89BD-59A63C92C471}">
      <dgm:prSet/>
      <dgm:spPr/>
      <dgm:t>
        <a:bodyPr/>
        <a:lstStyle/>
        <a:p>
          <a:r>
            <a:rPr lang="ja-JP"/>
            <a:t>余白が多く、提案作成に一生懸命さがみえないな。</a:t>
          </a:r>
          <a:endParaRPr lang="en-US"/>
        </a:p>
      </dgm:t>
    </dgm:pt>
    <dgm:pt modelId="{CF6AEDD7-E67F-4086-9C4B-339BFD4B290E}" type="parTrans" cxnId="{16CBE207-C79B-4F75-B123-E1D2231C9708}">
      <dgm:prSet/>
      <dgm:spPr/>
      <dgm:t>
        <a:bodyPr/>
        <a:lstStyle/>
        <a:p>
          <a:endParaRPr lang="en-US"/>
        </a:p>
      </dgm:t>
    </dgm:pt>
    <dgm:pt modelId="{5E329915-2012-4E08-94C8-57E11169B2C0}" type="sibTrans" cxnId="{16CBE207-C79B-4F75-B123-E1D2231C9708}">
      <dgm:prSet/>
      <dgm:spPr/>
      <dgm:t>
        <a:bodyPr/>
        <a:lstStyle/>
        <a:p>
          <a:endParaRPr lang="en-US"/>
        </a:p>
      </dgm:t>
    </dgm:pt>
    <dgm:pt modelId="{1BB9D506-4441-493A-ADB7-342C0352029E}">
      <dgm:prSet/>
      <dgm:spPr/>
      <dgm:t>
        <a:bodyPr/>
        <a:lstStyle/>
        <a:p>
          <a:r>
            <a:rPr lang="ja-JP"/>
            <a:t>誤記やケアレスミスが多く、時間なかったのか、そういうチームかな。</a:t>
          </a:r>
          <a:endParaRPr lang="en-US"/>
        </a:p>
      </dgm:t>
    </dgm:pt>
    <dgm:pt modelId="{0E93D729-9FCA-49F5-BEB4-20C9DB6D5B6D}" type="parTrans" cxnId="{5210D33F-0EEA-4794-8CBE-20896554B9DB}">
      <dgm:prSet/>
      <dgm:spPr/>
      <dgm:t>
        <a:bodyPr/>
        <a:lstStyle/>
        <a:p>
          <a:endParaRPr lang="en-US"/>
        </a:p>
      </dgm:t>
    </dgm:pt>
    <dgm:pt modelId="{5BA98DDB-4937-4C62-B606-CB5296D2A5C1}" type="sibTrans" cxnId="{5210D33F-0EEA-4794-8CBE-20896554B9DB}">
      <dgm:prSet/>
      <dgm:spPr/>
      <dgm:t>
        <a:bodyPr/>
        <a:lstStyle/>
        <a:p>
          <a:endParaRPr lang="en-US"/>
        </a:p>
      </dgm:t>
    </dgm:pt>
    <dgm:pt modelId="{45AA5249-A0E2-47B4-BEF2-84C2AC63D5BF}">
      <dgm:prSet/>
      <dgm:spPr/>
      <dgm:t>
        <a:bodyPr/>
        <a:lstStyle/>
        <a:p>
          <a:r>
            <a:rPr lang="ja-JP"/>
            <a:t>チームの役割分担や結束が。。。（プレゼンの回答でまごまご）</a:t>
          </a:r>
          <a:endParaRPr lang="en-US"/>
        </a:p>
      </dgm:t>
    </dgm:pt>
    <dgm:pt modelId="{BC215CA3-9AD9-4F5F-9A9D-7BE9D9168382}" type="parTrans" cxnId="{9536E07D-F15A-4EC2-A5D2-BD303DB01A1E}">
      <dgm:prSet/>
      <dgm:spPr/>
      <dgm:t>
        <a:bodyPr/>
        <a:lstStyle/>
        <a:p>
          <a:endParaRPr lang="en-US"/>
        </a:p>
      </dgm:t>
    </dgm:pt>
    <dgm:pt modelId="{11554420-ACFC-49AA-BB69-2F5B2DAD5FCE}" type="sibTrans" cxnId="{9536E07D-F15A-4EC2-A5D2-BD303DB01A1E}">
      <dgm:prSet/>
      <dgm:spPr/>
      <dgm:t>
        <a:bodyPr/>
        <a:lstStyle/>
        <a:p>
          <a:endParaRPr lang="en-US"/>
        </a:p>
      </dgm:t>
    </dgm:pt>
    <dgm:pt modelId="{DA6C570E-F76B-4A45-8F0F-422BFC2BCC48}">
      <dgm:prSet/>
      <dgm:spPr/>
      <dgm:t>
        <a:bodyPr/>
        <a:lstStyle/>
        <a:p>
          <a:r>
            <a:rPr lang="ja-JP" dirty="0"/>
            <a:t>チームの統率が一本化されてないな。</a:t>
          </a:r>
          <a:endParaRPr lang="en-US" dirty="0"/>
        </a:p>
      </dgm:t>
    </dgm:pt>
    <dgm:pt modelId="{B77F5940-7AD6-4E53-B987-4F81FC3E8EE0}" type="parTrans" cxnId="{E2161ACE-F90F-4B89-B9FF-3DC5140857A0}">
      <dgm:prSet/>
      <dgm:spPr/>
      <dgm:t>
        <a:bodyPr/>
        <a:lstStyle/>
        <a:p>
          <a:endParaRPr lang="en-US"/>
        </a:p>
      </dgm:t>
    </dgm:pt>
    <dgm:pt modelId="{4C479DC4-919D-43ED-9A8A-356A903EE165}" type="sibTrans" cxnId="{E2161ACE-F90F-4B89-B9FF-3DC5140857A0}">
      <dgm:prSet/>
      <dgm:spPr/>
      <dgm:t>
        <a:bodyPr/>
        <a:lstStyle/>
        <a:p>
          <a:endParaRPr lang="en-US"/>
        </a:p>
      </dgm:t>
    </dgm:pt>
    <dgm:pt modelId="{84CBFEAA-AAD5-4321-9706-5994145F9389}" type="pres">
      <dgm:prSet presAssocID="{D9818593-2D1C-4D10-A209-7DE3A458174F}" presName="vert0" presStyleCnt="0">
        <dgm:presLayoutVars>
          <dgm:dir/>
          <dgm:animOne val="branch"/>
          <dgm:animLvl val="lvl"/>
        </dgm:presLayoutVars>
      </dgm:prSet>
      <dgm:spPr/>
    </dgm:pt>
    <dgm:pt modelId="{7296C826-E378-42EE-81B8-01566D8458D8}" type="pres">
      <dgm:prSet presAssocID="{5E9B0C2B-4DF9-4348-978A-3B58DA1CADBB}" presName="thickLine" presStyleLbl="alignNode1" presStyleIdx="0" presStyleCnt="6"/>
      <dgm:spPr/>
    </dgm:pt>
    <dgm:pt modelId="{83F07900-8A3F-4572-9D3A-B37948DA9B5A}" type="pres">
      <dgm:prSet presAssocID="{5E9B0C2B-4DF9-4348-978A-3B58DA1CADBB}" presName="horz1" presStyleCnt="0"/>
      <dgm:spPr/>
    </dgm:pt>
    <dgm:pt modelId="{000A191A-F93C-4066-B739-872FF0844D5B}" type="pres">
      <dgm:prSet presAssocID="{5E9B0C2B-4DF9-4348-978A-3B58DA1CADBB}" presName="tx1" presStyleLbl="revTx" presStyleIdx="0" presStyleCnt="6"/>
      <dgm:spPr/>
    </dgm:pt>
    <dgm:pt modelId="{609C987D-6F58-4E8E-B948-C643B2BD7C70}" type="pres">
      <dgm:prSet presAssocID="{5E9B0C2B-4DF9-4348-978A-3B58DA1CADBB}" presName="vert1" presStyleCnt="0"/>
      <dgm:spPr/>
    </dgm:pt>
    <dgm:pt modelId="{B5E0EBDC-E813-4CCB-B007-47486A9F5979}" type="pres">
      <dgm:prSet presAssocID="{6D870C28-7761-45F8-A637-8C66A43BA2B1}" presName="thickLine" presStyleLbl="alignNode1" presStyleIdx="1" presStyleCnt="6"/>
      <dgm:spPr/>
    </dgm:pt>
    <dgm:pt modelId="{0A14BFD0-CE8A-476C-B9A3-1660B16CB237}" type="pres">
      <dgm:prSet presAssocID="{6D870C28-7761-45F8-A637-8C66A43BA2B1}" presName="horz1" presStyleCnt="0"/>
      <dgm:spPr/>
    </dgm:pt>
    <dgm:pt modelId="{51FBD0F6-B636-4D31-B006-F87D52DA8944}" type="pres">
      <dgm:prSet presAssocID="{6D870C28-7761-45F8-A637-8C66A43BA2B1}" presName="tx1" presStyleLbl="revTx" presStyleIdx="1" presStyleCnt="6"/>
      <dgm:spPr/>
    </dgm:pt>
    <dgm:pt modelId="{08D45AB4-6E5A-4B19-A36A-8CCEA35190BB}" type="pres">
      <dgm:prSet presAssocID="{6D870C28-7761-45F8-A637-8C66A43BA2B1}" presName="vert1" presStyleCnt="0"/>
      <dgm:spPr/>
    </dgm:pt>
    <dgm:pt modelId="{8427DE5C-4E7D-4DA4-A8B3-80E405E78064}" type="pres">
      <dgm:prSet presAssocID="{9084750C-ADAA-4B19-89BD-59A63C92C471}" presName="thickLine" presStyleLbl="alignNode1" presStyleIdx="2" presStyleCnt="6"/>
      <dgm:spPr/>
    </dgm:pt>
    <dgm:pt modelId="{549D5220-BC9B-4529-AFE6-A583B9392FF8}" type="pres">
      <dgm:prSet presAssocID="{9084750C-ADAA-4B19-89BD-59A63C92C471}" presName="horz1" presStyleCnt="0"/>
      <dgm:spPr/>
    </dgm:pt>
    <dgm:pt modelId="{1525B998-07E8-431F-B701-7CE869E66812}" type="pres">
      <dgm:prSet presAssocID="{9084750C-ADAA-4B19-89BD-59A63C92C471}" presName="tx1" presStyleLbl="revTx" presStyleIdx="2" presStyleCnt="6"/>
      <dgm:spPr/>
    </dgm:pt>
    <dgm:pt modelId="{A9FDD09C-7AC0-44A7-B73B-5C6DDAE60AC4}" type="pres">
      <dgm:prSet presAssocID="{9084750C-ADAA-4B19-89BD-59A63C92C471}" presName="vert1" presStyleCnt="0"/>
      <dgm:spPr/>
    </dgm:pt>
    <dgm:pt modelId="{5910FA28-7489-4BB1-92A9-23C389A75D41}" type="pres">
      <dgm:prSet presAssocID="{1BB9D506-4441-493A-ADB7-342C0352029E}" presName="thickLine" presStyleLbl="alignNode1" presStyleIdx="3" presStyleCnt="6"/>
      <dgm:spPr/>
    </dgm:pt>
    <dgm:pt modelId="{DE55F8C6-78A8-4EC5-93A3-E0182921EDD7}" type="pres">
      <dgm:prSet presAssocID="{1BB9D506-4441-493A-ADB7-342C0352029E}" presName="horz1" presStyleCnt="0"/>
      <dgm:spPr/>
    </dgm:pt>
    <dgm:pt modelId="{287C9381-0B19-428C-9F21-5B0591485F46}" type="pres">
      <dgm:prSet presAssocID="{1BB9D506-4441-493A-ADB7-342C0352029E}" presName="tx1" presStyleLbl="revTx" presStyleIdx="3" presStyleCnt="6"/>
      <dgm:spPr/>
    </dgm:pt>
    <dgm:pt modelId="{EA715D75-D858-4016-BB7E-1886AAD88623}" type="pres">
      <dgm:prSet presAssocID="{1BB9D506-4441-493A-ADB7-342C0352029E}" presName="vert1" presStyleCnt="0"/>
      <dgm:spPr/>
    </dgm:pt>
    <dgm:pt modelId="{7E476EAC-01E3-401C-83CA-6D5C059DB933}" type="pres">
      <dgm:prSet presAssocID="{45AA5249-A0E2-47B4-BEF2-84C2AC63D5BF}" presName="thickLine" presStyleLbl="alignNode1" presStyleIdx="4" presStyleCnt="6"/>
      <dgm:spPr/>
    </dgm:pt>
    <dgm:pt modelId="{9E1D0281-4003-4273-BDFF-365B6A143044}" type="pres">
      <dgm:prSet presAssocID="{45AA5249-A0E2-47B4-BEF2-84C2AC63D5BF}" presName="horz1" presStyleCnt="0"/>
      <dgm:spPr/>
    </dgm:pt>
    <dgm:pt modelId="{740AA0B3-8EEF-47F5-A110-18595D6E1B1E}" type="pres">
      <dgm:prSet presAssocID="{45AA5249-A0E2-47B4-BEF2-84C2AC63D5BF}" presName="tx1" presStyleLbl="revTx" presStyleIdx="4" presStyleCnt="6"/>
      <dgm:spPr/>
    </dgm:pt>
    <dgm:pt modelId="{EF2E8C56-50DB-431D-9F46-9C7282AB3CAF}" type="pres">
      <dgm:prSet presAssocID="{45AA5249-A0E2-47B4-BEF2-84C2AC63D5BF}" presName="vert1" presStyleCnt="0"/>
      <dgm:spPr/>
    </dgm:pt>
    <dgm:pt modelId="{E1989253-9106-4F85-9C1C-737EF4C3FDAB}" type="pres">
      <dgm:prSet presAssocID="{DA6C570E-F76B-4A45-8F0F-422BFC2BCC48}" presName="thickLine" presStyleLbl="alignNode1" presStyleIdx="5" presStyleCnt="6"/>
      <dgm:spPr/>
    </dgm:pt>
    <dgm:pt modelId="{B3CFA788-52BF-4839-B3F7-B5D1C70085D3}" type="pres">
      <dgm:prSet presAssocID="{DA6C570E-F76B-4A45-8F0F-422BFC2BCC48}" presName="horz1" presStyleCnt="0"/>
      <dgm:spPr/>
    </dgm:pt>
    <dgm:pt modelId="{737C3940-7D7B-4CFE-A387-4BFDD8A3F6F3}" type="pres">
      <dgm:prSet presAssocID="{DA6C570E-F76B-4A45-8F0F-422BFC2BCC48}" presName="tx1" presStyleLbl="revTx" presStyleIdx="5" presStyleCnt="6"/>
      <dgm:spPr/>
    </dgm:pt>
    <dgm:pt modelId="{E7B526A4-EA69-4A56-AD3F-A68CDBBED0B3}" type="pres">
      <dgm:prSet presAssocID="{DA6C570E-F76B-4A45-8F0F-422BFC2BCC48}" presName="vert1" presStyleCnt="0"/>
      <dgm:spPr/>
    </dgm:pt>
  </dgm:ptLst>
  <dgm:cxnLst>
    <dgm:cxn modelId="{16CBE207-C79B-4F75-B123-E1D2231C9708}" srcId="{D9818593-2D1C-4D10-A209-7DE3A458174F}" destId="{9084750C-ADAA-4B19-89BD-59A63C92C471}" srcOrd="2" destOrd="0" parTransId="{CF6AEDD7-E67F-4086-9C4B-339BFD4B290E}" sibTransId="{5E329915-2012-4E08-94C8-57E11169B2C0}"/>
    <dgm:cxn modelId="{8BDC7214-7D0F-4717-86D4-BA4059A03B61}" srcId="{D9818593-2D1C-4D10-A209-7DE3A458174F}" destId="{6D870C28-7761-45F8-A637-8C66A43BA2B1}" srcOrd="1" destOrd="0" parTransId="{0FBACA48-E9AA-4DD2-B1C8-E3D7B8409AE3}" sibTransId="{EA97183B-BF26-40D9-AFB3-DFC453EFD0F3}"/>
    <dgm:cxn modelId="{6A5A0D1C-2558-47ED-B55C-66C0B8234918}" type="presOf" srcId="{1BB9D506-4441-493A-ADB7-342C0352029E}" destId="{287C9381-0B19-428C-9F21-5B0591485F46}" srcOrd="0" destOrd="0" presId="urn:microsoft.com/office/officeart/2008/layout/LinedList"/>
    <dgm:cxn modelId="{ACA33F1C-C210-4D6C-873A-BF5C8ACEC64C}" type="presOf" srcId="{5E9B0C2B-4DF9-4348-978A-3B58DA1CADBB}" destId="{000A191A-F93C-4066-B739-872FF0844D5B}" srcOrd="0" destOrd="0" presId="urn:microsoft.com/office/officeart/2008/layout/LinedList"/>
    <dgm:cxn modelId="{5210D33F-0EEA-4794-8CBE-20896554B9DB}" srcId="{D9818593-2D1C-4D10-A209-7DE3A458174F}" destId="{1BB9D506-4441-493A-ADB7-342C0352029E}" srcOrd="3" destOrd="0" parTransId="{0E93D729-9FCA-49F5-BEB4-20C9DB6D5B6D}" sibTransId="{5BA98DDB-4937-4C62-B606-CB5296D2A5C1}"/>
    <dgm:cxn modelId="{09FEB068-1848-4AE4-A950-9FBBD48AD828}" type="presOf" srcId="{6D870C28-7761-45F8-A637-8C66A43BA2B1}" destId="{51FBD0F6-B636-4D31-B006-F87D52DA8944}" srcOrd="0" destOrd="0" presId="urn:microsoft.com/office/officeart/2008/layout/LinedList"/>
    <dgm:cxn modelId="{BE60284B-18F5-4299-B09B-72563E4B88CE}" type="presOf" srcId="{D9818593-2D1C-4D10-A209-7DE3A458174F}" destId="{84CBFEAA-AAD5-4321-9706-5994145F9389}" srcOrd="0" destOrd="0" presId="urn:microsoft.com/office/officeart/2008/layout/LinedList"/>
    <dgm:cxn modelId="{E761594F-BF39-4D64-842F-9ADFC9BA29F6}" type="presOf" srcId="{9084750C-ADAA-4B19-89BD-59A63C92C471}" destId="{1525B998-07E8-431F-B701-7CE869E66812}" srcOrd="0" destOrd="0" presId="urn:microsoft.com/office/officeart/2008/layout/LinedList"/>
    <dgm:cxn modelId="{FB4C8E55-60F6-4B51-A8B2-64BA117413CF}" type="presOf" srcId="{DA6C570E-F76B-4A45-8F0F-422BFC2BCC48}" destId="{737C3940-7D7B-4CFE-A387-4BFDD8A3F6F3}" srcOrd="0" destOrd="0" presId="urn:microsoft.com/office/officeart/2008/layout/LinedList"/>
    <dgm:cxn modelId="{9536E07D-F15A-4EC2-A5D2-BD303DB01A1E}" srcId="{D9818593-2D1C-4D10-A209-7DE3A458174F}" destId="{45AA5249-A0E2-47B4-BEF2-84C2AC63D5BF}" srcOrd="4" destOrd="0" parTransId="{BC215CA3-9AD9-4F5F-9A9D-7BE9D9168382}" sibTransId="{11554420-ACFC-49AA-BB69-2F5B2DAD5FCE}"/>
    <dgm:cxn modelId="{896A1DB1-DFC1-4245-B140-0802935C199C}" type="presOf" srcId="{45AA5249-A0E2-47B4-BEF2-84C2AC63D5BF}" destId="{740AA0B3-8EEF-47F5-A110-18595D6E1B1E}" srcOrd="0" destOrd="0" presId="urn:microsoft.com/office/officeart/2008/layout/LinedList"/>
    <dgm:cxn modelId="{E2161ACE-F90F-4B89-B9FF-3DC5140857A0}" srcId="{D9818593-2D1C-4D10-A209-7DE3A458174F}" destId="{DA6C570E-F76B-4A45-8F0F-422BFC2BCC48}" srcOrd="5" destOrd="0" parTransId="{B77F5940-7AD6-4E53-B987-4F81FC3E8EE0}" sibTransId="{4C479DC4-919D-43ED-9A8A-356A903EE165}"/>
    <dgm:cxn modelId="{E6517AE6-E96D-4012-9BCE-FC30C2EEB18A}" srcId="{D9818593-2D1C-4D10-A209-7DE3A458174F}" destId="{5E9B0C2B-4DF9-4348-978A-3B58DA1CADBB}" srcOrd="0" destOrd="0" parTransId="{5851E685-A46F-4C57-A57E-E3EE8B65B271}" sibTransId="{20F28F31-2F7C-4C4E-8EF6-4F46A629F201}"/>
    <dgm:cxn modelId="{15208825-BA19-4088-BAB4-061D68FAF27A}" type="presParOf" srcId="{84CBFEAA-AAD5-4321-9706-5994145F9389}" destId="{7296C826-E378-42EE-81B8-01566D8458D8}" srcOrd="0" destOrd="0" presId="urn:microsoft.com/office/officeart/2008/layout/LinedList"/>
    <dgm:cxn modelId="{7DC73BA6-65BC-4DE5-9134-CA9E06222578}" type="presParOf" srcId="{84CBFEAA-AAD5-4321-9706-5994145F9389}" destId="{83F07900-8A3F-4572-9D3A-B37948DA9B5A}" srcOrd="1" destOrd="0" presId="urn:microsoft.com/office/officeart/2008/layout/LinedList"/>
    <dgm:cxn modelId="{D2B9592F-FBC7-424C-83D1-59467B86B336}" type="presParOf" srcId="{83F07900-8A3F-4572-9D3A-B37948DA9B5A}" destId="{000A191A-F93C-4066-B739-872FF0844D5B}" srcOrd="0" destOrd="0" presId="urn:microsoft.com/office/officeart/2008/layout/LinedList"/>
    <dgm:cxn modelId="{2C287DA8-B8AC-4E1C-8C6C-9CC926847818}" type="presParOf" srcId="{83F07900-8A3F-4572-9D3A-B37948DA9B5A}" destId="{609C987D-6F58-4E8E-B948-C643B2BD7C70}" srcOrd="1" destOrd="0" presId="urn:microsoft.com/office/officeart/2008/layout/LinedList"/>
    <dgm:cxn modelId="{59439F9D-34C6-47DE-8317-5F97685484AD}" type="presParOf" srcId="{84CBFEAA-AAD5-4321-9706-5994145F9389}" destId="{B5E0EBDC-E813-4CCB-B007-47486A9F5979}" srcOrd="2" destOrd="0" presId="urn:microsoft.com/office/officeart/2008/layout/LinedList"/>
    <dgm:cxn modelId="{5D517CC4-36EB-49FC-BB19-50AEA1019B0D}" type="presParOf" srcId="{84CBFEAA-AAD5-4321-9706-5994145F9389}" destId="{0A14BFD0-CE8A-476C-B9A3-1660B16CB237}" srcOrd="3" destOrd="0" presId="urn:microsoft.com/office/officeart/2008/layout/LinedList"/>
    <dgm:cxn modelId="{F1D8CD67-A85E-40E7-A6FC-D018C45DAC30}" type="presParOf" srcId="{0A14BFD0-CE8A-476C-B9A3-1660B16CB237}" destId="{51FBD0F6-B636-4D31-B006-F87D52DA8944}" srcOrd="0" destOrd="0" presId="urn:microsoft.com/office/officeart/2008/layout/LinedList"/>
    <dgm:cxn modelId="{C1444C0D-93A6-45AD-AEDE-9D0D5D10A03E}" type="presParOf" srcId="{0A14BFD0-CE8A-476C-B9A3-1660B16CB237}" destId="{08D45AB4-6E5A-4B19-A36A-8CCEA35190BB}" srcOrd="1" destOrd="0" presId="urn:microsoft.com/office/officeart/2008/layout/LinedList"/>
    <dgm:cxn modelId="{F8643DC2-40E5-4AB4-B578-EBDE55C30611}" type="presParOf" srcId="{84CBFEAA-AAD5-4321-9706-5994145F9389}" destId="{8427DE5C-4E7D-4DA4-A8B3-80E405E78064}" srcOrd="4" destOrd="0" presId="urn:microsoft.com/office/officeart/2008/layout/LinedList"/>
    <dgm:cxn modelId="{C61CC4FE-F0C9-4F14-A690-57A5102EFB88}" type="presParOf" srcId="{84CBFEAA-AAD5-4321-9706-5994145F9389}" destId="{549D5220-BC9B-4529-AFE6-A583B9392FF8}" srcOrd="5" destOrd="0" presId="urn:microsoft.com/office/officeart/2008/layout/LinedList"/>
    <dgm:cxn modelId="{19C7C19B-4F36-444E-BC3D-629F336FEC85}" type="presParOf" srcId="{549D5220-BC9B-4529-AFE6-A583B9392FF8}" destId="{1525B998-07E8-431F-B701-7CE869E66812}" srcOrd="0" destOrd="0" presId="urn:microsoft.com/office/officeart/2008/layout/LinedList"/>
    <dgm:cxn modelId="{F4735C72-53D7-42C1-A5FE-69E73BFB31AC}" type="presParOf" srcId="{549D5220-BC9B-4529-AFE6-A583B9392FF8}" destId="{A9FDD09C-7AC0-44A7-B73B-5C6DDAE60AC4}" srcOrd="1" destOrd="0" presId="urn:microsoft.com/office/officeart/2008/layout/LinedList"/>
    <dgm:cxn modelId="{B9573682-2532-4A04-8024-F72BB84822A4}" type="presParOf" srcId="{84CBFEAA-AAD5-4321-9706-5994145F9389}" destId="{5910FA28-7489-4BB1-92A9-23C389A75D41}" srcOrd="6" destOrd="0" presId="urn:microsoft.com/office/officeart/2008/layout/LinedList"/>
    <dgm:cxn modelId="{D3E77881-7C17-453D-AE9A-56D8C8C69F9C}" type="presParOf" srcId="{84CBFEAA-AAD5-4321-9706-5994145F9389}" destId="{DE55F8C6-78A8-4EC5-93A3-E0182921EDD7}" srcOrd="7" destOrd="0" presId="urn:microsoft.com/office/officeart/2008/layout/LinedList"/>
    <dgm:cxn modelId="{AB090748-DFEA-48F3-88A4-899437D2E522}" type="presParOf" srcId="{DE55F8C6-78A8-4EC5-93A3-E0182921EDD7}" destId="{287C9381-0B19-428C-9F21-5B0591485F46}" srcOrd="0" destOrd="0" presId="urn:microsoft.com/office/officeart/2008/layout/LinedList"/>
    <dgm:cxn modelId="{13BF82C4-5A13-4EA4-8C6D-E9B0D6A3C745}" type="presParOf" srcId="{DE55F8C6-78A8-4EC5-93A3-E0182921EDD7}" destId="{EA715D75-D858-4016-BB7E-1886AAD88623}" srcOrd="1" destOrd="0" presId="urn:microsoft.com/office/officeart/2008/layout/LinedList"/>
    <dgm:cxn modelId="{031C99CF-7B63-45A4-9F33-17BF6E476FD6}" type="presParOf" srcId="{84CBFEAA-AAD5-4321-9706-5994145F9389}" destId="{7E476EAC-01E3-401C-83CA-6D5C059DB933}" srcOrd="8" destOrd="0" presId="urn:microsoft.com/office/officeart/2008/layout/LinedList"/>
    <dgm:cxn modelId="{12108FB1-EB84-4E0F-98EE-5669A04E0D47}" type="presParOf" srcId="{84CBFEAA-AAD5-4321-9706-5994145F9389}" destId="{9E1D0281-4003-4273-BDFF-365B6A143044}" srcOrd="9" destOrd="0" presId="urn:microsoft.com/office/officeart/2008/layout/LinedList"/>
    <dgm:cxn modelId="{1E09ED37-4B5B-4C90-A559-850DFD726A95}" type="presParOf" srcId="{9E1D0281-4003-4273-BDFF-365B6A143044}" destId="{740AA0B3-8EEF-47F5-A110-18595D6E1B1E}" srcOrd="0" destOrd="0" presId="urn:microsoft.com/office/officeart/2008/layout/LinedList"/>
    <dgm:cxn modelId="{AC3512A0-3A3A-4703-B9FB-16637CACB54C}" type="presParOf" srcId="{9E1D0281-4003-4273-BDFF-365B6A143044}" destId="{EF2E8C56-50DB-431D-9F46-9C7282AB3CAF}" srcOrd="1" destOrd="0" presId="urn:microsoft.com/office/officeart/2008/layout/LinedList"/>
    <dgm:cxn modelId="{E01A88C7-EDF9-4433-A6EC-09F86DF6AEB1}" type="presParOf" srcId="{84CBFEAA-AAD5-4321-9706-5994145F9389}" destId="{E1989253-9106-4F85-9C1C-737EF4C3FDAB}" srcOrd="10" destOrd="0" presId="urn:microsoft.com/office/officeart/2008/layout/LinedList"/>
    <dgm:cxn modelId="{87E8E664-5E23-4768-B944-10CC3E0026CC}" type="presParOf" srcId="{84CBFEAA-AAD5-4321-9706-5994145F9389}" destId="{B3CFA788-52BF-4839-B3F7-B5D1C70085D3}" srcOrd="11" destOrd="0" presId="urn:microsoft.com/office/officeart/2008/layout/LinedList"/>
    <dgm:cxn modelId="{FB2D34A1-5764-44FC-9CFE-745E7B2ADA53}" type="presParOf" srcId="{B3CFA788-52BF-4839-B3F7-B5D1C70085D3}" destId="{737C3940-7D7B-4CFE-A387-4BFDD8A3F6F3}" srcOrd="0" destOrd="0" presId="urn:microsoft.com/office/officeart/2008/layout/LinedList"/>
    <dgm:cxn modelId="{72236461-D1E1-4811-98A0-AAC3455D9C92}" type="presParOf" srcId="{B3CFA788-52BF-4839-B3F7-B5D1C70085D3}" destId="{E7B526A4-EA69-4A56-AD3F-A68CDBBED0B3}" srcOrd="1" destOrd="0" presId="urn:microsoft.com/office/officeart/2008/layout/Lined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D9818593-2D1C-4D10-A209-7DE3A458174F}" type="doc">
      <dgm:prSet loTypeId="urn:microsoft.com/office/officeart/2008/layout/LinedList" loCatId="list" qsTypeId="urn:microsoft.com/office/officeart/2005/8/quickstyle/simple1" qsCatId="simple" csTypeId="urn:microsoft.com/office/officeart/2005/8/colors/accent1_2" csCatId="accent1" phldr="1"/>
      <dgm:spPr/>
      <dgm:t>
        <a:bodyPr/>
        <a:lstStyle/>
        <a:p>
          <a:endParaRPr lang="en-US"/>
        </a:p>
      </dgm:t>
    </dgm:pt>
    <dgm:pt modelId="{5E9B0C2B-4DF9-4348-978A-3B58DA1CADBB}">
      <dgm:prSet/>
      <dgm:spPr/>
      <dgm:t>
        <a:bodyPr/>
        <a:lstStyle/>
        <a:p>
          <a:r>
            <a:rPr lang="ja-JP" altLang="en-US" dirty="0"/>
            <a:t>提案内容：自分の提案理解してないね。質問でどぎまぎ、うろうろ</a:t>
          </a:r>
          <a:endParaRPr lang="en-US" dirty="0"/>
        </a:p>
      </dgm:t>
    </dgm:pt>
    <dgm:pt modelId="{5851E685-A46F-4C57-A57E-E3EE8B65B271}" type="parTrans" cxnId="{E6517AE6-E96D-4012-9BCE-FC30C2EEB18A}">
      <dgm:prSet/>
      <dgm:spPr/>
      <dgm:t>
        <a:bodyPr/>
        <a:lstStyle/>
        <a:p>
          <a:endParaRPr lang="en-US"/>
        </a:p>
      </dgm:t>
    </dgm:pt>
    <dgm:pt modelId="{20F28F31-2F7C-4C4E-8EF6-4F46A629F201}" type="sibTrans" cxnId="{E6517AE6-E96D-4012-9BCE-FC30C2EEB18A}">
      <dgm:prSet/>
      <dgm:spPr/>
      <dgm:t>
        <a:bodyPr/>
        <a:lstStyle/>
        <a:p>
          <a:endParaRPr lang="en-US"/>
        </a:p>
      </dgm:t>
    </dgm:pt>
    <dgm:pt modelId="{6D870C28-7761-45F8-A637-8C66A43BA2B1}">
      <dgm:prSet/>
      <dgm:spPr/>
      <dgm:t>
        <a:bodyPr/>
        <a:lstStyle/>
        <a:p>
          <a:r>
            <a:rPr lang="ja-JP" altLang="en-US" dirty="0"/>
            <a:t>情緒的で具体的でないなあ。</a:t>
          </a:r>
          <a:endParaRPr lang="en-US" dirty="0"/>
        </a:p>
      </dgm:t>
    </dgm:pt>
    <dgm:pt modelId="{0FBACA48-E9AA-4DD2-B1C8-E3D7B8409AE3}" type="parTrans" cxnId="{8BDC7214-7D0F-4717-86D4-BA4059A03B61}">
      <dgm:prSet/>
      <dgm:spPr/>
      <dgm:t>
        <a:bodyPr/>
        <a:lstStyle/>
        <a:p>
          <a:endParaRPr lang="en-US"/>
        </a:p>
      </dgm:t>
    </dgm:pt>
    <dgm:pt modelId="{EA97183B-BF26-40D9-AFB3-DFC453EFD0F3}" type="sibTrans" cxnId="{8BDC7214-7D0F-4717-86D4-BA4059A03B61}">
      <dgm:prSet/>
      <dgm:spPr/>
      <dgm:t>
        <a:bodyPr/>
        <a:lstStyle/>
        <a:p>
          <a:endParaRPr lang="en-US"/>
        </a:p>
      </dgm:t>
    </dgm:pt>
    <dgm:pt modelId="{9084750C-ADAA-4B19-89BD-59A63C92C471}">
      <dgm:prSet/>
      <dgm:spPr/>
      <dgm:t>
        <a:bodyPr/>
        <a:lstStyle/>
        <a:p>
          <a:r>
            <a:rPr lang="ja-JP" altLang="en-US" dirty="0"/>
            <a:t>事業に使う金額（施設整備費。維持管理費）安いのに提案金額高い？</a:t>
          </a:r>
          <a:endParaRPr lang="en-US" dirty="0"/>
        </a:p>
      </dgm:t>
    </dgm:pt>
    <dgm:pt modelId="{CF6AEDD7-E67F-4086-9C4B-339BFD4B290E}" type="parTrans" cxnId="{16CBE207-C79B-4F75-B123-E1D2231C9708}">
      <dgm:prSet/>
      <dgm:spPr/>
      <dgm:t>
        <a:bodyPr/>
        <a:lstStyle/>
        <a:p>
          <a:endParaRPr lang="en-US"/>
        </a:p>
      </dgm:t>
    </dgm:pt>
    <dgm:pt modelId="{5E329915-2012-4E08-94C8-57E11169B2C0}" type="sibTrans" cxnId="{16CBE207-C79B-4F75-B123-E1D2231C9708}">
      <dgm:prSet/>
      <dgm:spPr/>
      <dgm:t>
        <a:bodyPr/>
        <a:lstStyle/>
        <a:p>
          <a:endParaRPr lang="en-US"/>
        </a:p>
      </dgm:t>
    </dgm:pt>
    <dgm:pt modelId="{1BB9D506-4441-493A-ADB7-342C0352029E}">
      <dgm:prSet/>
      <dgm:spPr/>
      <dgm:t>
        <a:bodyPr/>
        <a:lstStyle/>
        <a:p>
          <a:r>
            <a:rPr lang="ja-JP" altLang="en-US" dirty="0"/>
            <a:t>コンセプトとコンテンツ：整合性ないなあ。コンテンツ作る人の理解？</a:t>
          </a:r>
          <a:endParaRPr lang="en-US" dirty="0"/>
        </a:p>
      </dgm:t>
    </dgm:pt>
    <dgm:pt modelId="{0E93D729-9FCA-49F5-BEB4-20C9DB6D5B6D}" type="parTrans" cxnId="{5210D33F-0EEA-4794-8CBE-20896554B9DB}">
      <dgm:prSet/>
      <dgm:spPr/>
      <dgm:t>
        <a:bodyPr/>
        <a:lstStyle/>
        <a:p>
          <a:endParaRPr lang="en-US"/>
        </a:p>
      </dgm:t>
    </dgm:pt>
    <dgm:pt modelId="{5BA98DDB-4937-4C62-B606-CB5296D2A5C1}" type="sibTrans" cxnId="{5210D33F-0EEA-4794-8CBE-20896554B9DB}">
      <dgm:prSet/>
      <dgm:spPr/>
      <dgm:t>
        <a:bodyPr/>
        <a:lstStyle/>
        <a:p>
          <a:endParaRPr lang="en-US"/>
        </a:p>
      </dgm:t>
    </dgm:pt>
    <dgm:pt modelId="{45AA5249-A0E2-47B4-BEF2-84C2AC63D5BF}">
      <dgm:prSet/>
      <dgm:spPr/>
      <dgm:t>
        <a:bodyPr/>
        <a:lstStyle/>
        <a:p>
          <a:r>
            <a:rPr lang="ja-JP" altLang="en-US" dirty="0"/>
            <a:t>主張が強すぎて、自治体の意見聞いてくれなさそう！！職員委員</a:t>
          </a:r>
          <a:endParaRPr lang="en-US" dirty="0"/>
        </a:p>
      </dgm:t>
    </dgm:pt>
    <dgm:pt modelId="{BC215CA3-9AD9-4F5F-9A9D-7BE9D9168382}" type="parTrans" cxnId="{9536E07D-F15A-4EC2-A5D2-BD303DB01A1E}">
      <dgm:prSet/>
      <dgm:spPr/>
      <dgm:t>
        <a:bodyPr/>
        <a:lstStyle/>
        <a:p>
          <a:endParaRPr lang="en-US"/>
        </a:p>
      </dgm:t>
    </dgm:pt>
    <dgm:pt modelId="{11554420-ACFC-49AA-BB69-2F5B2DAD5FCE}" type="sibTrans" cxnId="{9536E07D-F15A-4EC2-A5D2-BD303DB01A1E}">
      <dgm:prSet/>
      <dgm:spPr/>
      <dgm:t>
        <a:bodyPr/>
        <a:lstStyle/>
        <a:p>
          <a:endParaRPr lang="en-US"/>
        </a:p>
      </dgm:t>
    </dgm:pt>
    <dgm:pt modelId="{DA6C570E-F76B-4A45-8F0F-422BFC2BCC48}">
      <dgm:prSet/>
      <dgm:spPr/>
      <dgm:t>
        <a:bodyPr/>
        <a:lstStyle/>
        <a:p>
          <a:r>
            <a:rPr lang="ja-JP" altLang="en-US" dirty="0"/>
            <a:t>一般的でこの地域のことわかってるかなあ・・・</a:t>
          </a:r>
          <a:endParaRPr lang="en-US" dirty="0"/>
        </a:p>
      </dgm:t>
    </dgm:pt>
    <dgm:pt modelId="{B77F5940-7AD6-4E53-B987-4F81FC3E8EE0}" type="parTrans" cxnId="{E2161ACE-F90F-4B89-B9FF-3DC5140857A0}">
      <dgm:prSet/>
      <dgm:spPr/>
      <dgm:t>
        <a:bodyPr/>
        <a:lstStyle/>
        <a:p>
          <a:endParaRPr lang="en-US"/>
        </a:p>
      </dgm:t>
    </dgm:pt>
    <dgm:pt modelId="{4C479DC4-919D-43ED-9A8A-356A903EE165}" type="sibTrans" cxnId="{E2161ACE-F90F-4B89-B9FF-3DC5140857A0}">
      <dgm:prSet/>
      <dgm:spPr/>
      <dgm:t>
        <a:bodyPr/>
        <a:lstStyle/>
        <a:p>
          <a:endParaRPr lang="en-US"/>
        </a:p>
      </dgm:t>
    </dgm:pt>
    <dgm:pt modelId="{84CBFEAA-AAD5-4321-9706-5994145F9389}" type="pres">
      <dgm:prSet presAssocID="{D9818593-2D1C-4D10-A209-7DE3A458174F}" presName="vert0" presStyleCnt="0">
        <dgm:presLayoutVars>
          <dgm:dir/>
          <dgm:animOne val="branch"/>
          <dgm:animLvl val="lvl"/>
        </dgm:presLayoutVars>
      </dgm:prSet>
      <dgm:spPr/>
    </dgm:pt>
    <dgm:pt modelId="{7296C826-E378-42EE-81B8-01566D8458D8}" type="pres">
      <dgm:prSet presAssocID="{5E9B0C2B-4DF9-4348-978A-3B58DA1CADBB}" presName="thickLine" presStyleLbl="alignNode1" presStyleIdx="0" presStyleCnt="6"/>
      <dgm:spPr/>
    </dgm:pt>
    <dgm:pt modelId="{83F07900-8A3F-4572-9D3A-B37948DA9B5A}" type="pres">
      <dgm:prSet presAssocID="{5E9B0C2B-4DF9-4348-978A-3B58DA1CADBB}" presName="horz1" presStyleCnt="0"/>
      <dgm:spPr/>
    </dgm:pt>
    <dgm:pt modelId="{000A191A-F93C-4066-B739-872FF0844D5B}" type="pres">
      <dgm:prSet presAssocID="{5E9B0C2B-4DF9-4348-978A-3B58DA1CADBB}" presName="tx1" presStyleLbl="revTx" presStyleIdx="0" presStyleCnt="6" custScaleX="100098" custScaleY="77729"/>
      <dgm:spPr/>
    </dgm:pt>
    <dgm:pt modelId="{609C987D-6F58-4E8E-B948-C643B2BD7C70}" type="pres">
      <dgm:prSet presAssocID="{5E9B0C2B-4DF9-4348-978A-3B58DA1CADBB}" presName="vert1" presStyleCnt="0"/>
      <dgm:spPr/>
    </dgm:pt>
    <dgm:pt modelId="{B5E0EBDC-E813-4CCB-B007-47486A9F5979}" type="pres">
      <dgm:prSet presAssocID="{6D870C28-7761-45F8-A637-8C66A43BA2B1}" presName="thickLine" presStyleLbl="alignNode1" presStyleIdx="1" presStyleCnt="6"/>
      <dgm:spPr/>
    </dgm:pt>
    <dgm:pt modelId="{0A14BFD0-CE8A-476C-B9A3-1660B16CB237}" type="pres">
      <dgm:prSet presAssocID="{6D870C28-7761-45F8-A637-8C66A43BA2B1}" presName="horz1" presStyleCnt="0"/>
      <dgm:spPr/>
    </dgm:pt>
    <dgm:pt modelId="{51FBD0F6-B636-4D31-B006-F87D52DA8944}" type="pres">
      <dgm:prSet presAssocID="{6D870C28-7761-45F8-A637-8C66A43BA2B1}" presName="tx1" presStyleLbl="revTx" presStyleIdx="1" presStyleCnt="6"/>
      <dgm:spPr/>
    </dgm:pt>
    <dgm:pt modelId="{08D45AB4-6E5A-4B19-A36A-8CCEA35190BB}" type="pres">
      <dgm:prSet presAssocID="{6D870C28-7761-45F8-A637-8C66A43BA2B1}" presName="vert1" presStyleCnt="0"/>
      <dgm:spPr/>
    </dgm:pt>
    <dgm:pt modelId="{8427DE5C-4E7D-4DA4-A8B3-80E405E78064}" type="pres">
      <dgm:prSet presAssocID="{9084750C-ADAA-4B19-89BD-59A63C92C471}" presName="thickLine" presStyleLbl="alignNode1" presStyleIdx="2" presStyleCnt="6"/>
      <dgm:spPr/>
    </dgm:pt>
    <dgm:pt modelId="{549D5220-BC9B-4529-AFE6-A583B9392FF8}" type="pres">
      <dgm:prSet presAssocID="{9084750C-ADAA-4B19-89BD-59A63C92C471}" presName="horz1" presStyleCnt="0"/>
      <dgm:spPr/>
    </dgm:pt>
    <dgm:pt modelId="{1525B998-07E8-431F-B701-7CE869E66812}" type="pres">
      <dgm:prSet presAssocID="{9084750C-ADAA-4B19-89BD-59A63C92C471}" presName="tx1" presStyleLbl="revTx" presStyleIdx="2" presStyleCnt="6"/>
      <dgm:spPr/>
    </dgm:pt>
    <dgm:pt modelId="{A9FDD09C-7AC0-44A7-B73B-5C6DDAE60AC4}" type="pres">
      <dgm:prSet presAssocID="{9084750C-ADAA-4B19-89BD-59A63C92C471}" presName="vert1" presStyleCnt="0"/>
      <dgm:spPr/>
    </dgm:pt>
    <dgm:pt modelId="{5910FA28-7489-4BB1-92A9-23C389A75D41}" type="pres">
      <dgm:prSet presAssocID="{1BB9D506-4441-493A-ADB7-342C0352029E}" presName="thickLine" presStyleLbl="alignNode1" presStyleIdx="3" presStyleCnt="6"/>
      <dgm:spPr/>
    </dgm:pt>
    <dgm:pt modelId="{DE55F8C6-78A8-4EC5-93A3-E0182921EDD7}" type="pres">
      <dgm:prSet presAssocID="{1BB9D506-4441-493A-ADB7-342C0352029E}" presName="horz1" presStyleCnt="0"/>
      <dgm:spPr/>
    </dgm:pt>
    <dgm:pt modelId="{287C9381-0B19-428C-9F21-5B0591485F46}" type="pres">
      <dgm:prSet presAssocID="{1BB9D506-4441-493A-ADB7-342C0352029E}" presName="tx1" presStyleLbl="revTx" presStyleIdx="3" presStyleCnt="6"/>
      <dgm:spPr/>
    </dgm:pt>
    <dgm:pt modelId="{EA715D75-D858-4016-BB7E-1886AAD88623}" type="pres">
      <dgm:prSet presAssocID="{1BB9D506-4441-493A-ADB7-342C0352029E}" presName="vert1" presStyleCnt="0"/>
      <dgm:spPr/>
    </dgm:pt>
    <dgm:pt modelId="{7E476EAC-01E3-401C-83CA-6D5C059DB933}" type="pres">
      <dgm:prSet presAssocID="{45AA5249-A0E2-47B4-BEF2-84C2AC63D5BF}" presName="thickLine" presStyleLbl="alignNode1" presStyleIdx="4" presStyleCnt="6"/>
      <dgm:spPr/>
    </dgm:pt>
    <dgm:pt modelId="{9E1D0281-4003-4273-BDFF-365B6A143044}" type="pres">
      <dgm:prSet presAssocID="{45AA5249-A0E2-47B4-BEF2-84C2AC63D5BF}" presName="horz1" presStyleCnt="0"/>
      <dgm:spPr/>
    </dgm:pt>
    <dgm:pt modelId="{740AA0B3-8EEF-47F5-A110-18595D6E1B1E}" type="pres">
      <dgm:prSet presAssocID="{45AA5249-A0E2-47B4-BEF2-84C2AC63D5BF}" presName="tx1" presStyleLbl="revTx" presStyleIdx="4" presStyleCnt="6"/>
      <dgm:spPr/>
    </dgm:pt>
    <dgm:pt modelId="{EF2E8C56-50DB-431D-9F46-9C7282AB3CAF}" type="pres">
      <dgm:prSet presAssocID="{45AA5249-A0E2-47B4-BEF2-84C2AC63D5BF}" presName="vert1" presStyleCnt="0"/>
      <dgm:spPr/>
    </dgm:pt>
    <dgm:pt modelId="{E1989253-9106-4F85-9C1C-737EF4C3FDAB}" type="pres">
      <dgm:prSet presAssocID="{DA6C570E-F76B-4A45-8F0F-422BFC2BCC48}" presName="thickLine" presStyleLbl="alignNode1" presStyleIdx="5" presStyleCnt="6"/>
      <dgm:spPr/>
    </dgm:pt>
    <dgm:pt modelId="{B3CFA788-52BF-4839-B3F7-B5D1C70085D3}" type="pres">
      <dgm:prSet presAssocID="{DA6C570E-F76B-4A45-8F0F-422BFC2BCC48}" presName="horz1" presStyleCnt="0"/>
      <dgm:spPr/>
    </dgm:pt>
    <dgm:pt modelId="{737C3940-7D7B-4CFE-A387-4BFDD8A3F6F3}" type="pres">
      <dgm:prSet presAssocID="{DA6C570E-F76B-4A45-8F0F-422BFC2BCC48}" presName="tx1" presStyleLbl="revTx" presStyleIdx="5" presStyleCnt="6"/>
      <dgm:spPr/>
    </dgm:pt>
    <dgm:pt modelId="{E7B526A4-EA69-4A56-AD3F-A68CDBBED0B3}" type="pres">
      <dgm:prSet presAssocID="{DA6C570E-F76B-4A45-8F0F-422BFC2BCC48}" presName="vert1" presStyleCnt="0"/>
      <dgm:spPr/>
    </dgm:pt>
  </dgm:ptLst>
  <dgm:cxnLst>
    <dgm:cxn modelId="{16CBE207-C79B-4F75-B123-E1D2231C9708}" srcId="{D9818593-2D1C-4D10-A209-7DE3A458174F}" destId="{9084750C-ADAA-4B19-89BD-59A63C92C471}" srcOrd="2" destOrd="0" parTransId="{CF6AEDD7-E67F-4086-9C4B-339BFD4B290E}" sibTransId="{5E329915-2012-4E08-94C8-57E11169B2C0}"/>
    <dgm:cxn modelId="{8BDC7214-7D0F-4717-86D4-BA4059A03B61}" srcId="{D9818593-2D1C-4D10-A209-7DE3A458174F}" destId="{6D870C28-7761-45F8-A637-8C66A43BA2B1}" srcOrd="1" destOrd="0" parTransId="{0FBACA48-E9AA-4DD2-B1C8-E3D7B8409AE3}" sibTransId="{EA97183B-BF26-40D9-AFB3-DFC453EFD0F3}"/>
    <dgm:cxn modelId="{6A5A0D1C-2558-47ED-B55C-66C0B8234918}" type="presOf" srcId="{1BB9D506-4441-493A-ADB7-342C0352029E}" destId="{287C9381-0B19-428C-9F21-5B0591485F46}" srcOrd="0" destOrd="0" presId="urn:microsoft.com/office/officeart/2008/layout/LinedList"/>
    <dgm:cxn modelId="{ACA33F1C-C210-4D6C-873A-BF5C8ACEC64C}" type="presOf" srcId="{5E9B0C2B-4DF9-4348-978A-3B58DA1CADBB}" destId="{000A191A-F93C-4066-B739-872FF0844D5B}" srcOrd="0" destOrd="0" presId="urn:microsoft.com/office/officeart/2008/layout/LinedList"/>
    <dgm:cxn modelId="{5210D33F-0EEA-4794-8CBE-20896554B9DB}" srcId="{D9818593-2D1C-4D10-A209-7DE3A458174F}" destId="{1BB9D506-4441-493A-ADB7-342C0352029E}" srcOrd="3" destOrd="0" parTransId="{0E93D729-9FCA-49F5-BEB4-20C9DB6D5B6D}" sibTransId="{5BA98DDB-4937-4C62-B606-CB5296D2A5C1}"/>
    <dgm:cxn modelId="{09FEB068-1848-4AE4-A950-9FBBD48AD828}" type="presOf" srcId="{6D870C28-7761-45F8-A637-8C66A43BA2B1}" destId="{51FBD0F6-B636-4D31-B006-F87D52DA8944}" srcOrd="0" destOrd="0" presId="urn:microsoft.com/office/officeart/2008/layout/LinedList"/>
    <dgm:cxn modelId="{BE60284B-18F5-4299-B09B-72563E4B88CE}" type="presOf" srcId="{D9818593-2D1C-4D10-A209-7DE3A458174F}" destId="{84CBFEAA-AAD5-4321-9706-5994145F9389}" srcOrd="0" destOrd="0" presId="urn:microsoft.com/office/officeart/2008/layout/LinedList"/>
    <dgm:cxn modelId="{E761594F-BF39-4D64-842F-9ADFC9BA29F6}" type="presOf" srcId="{9084750C-ADAA-4B19-89BD-59A63C92C471}" destId="{1525B998-07E8-431F-B701-7CE869E66812}" srcOrd="0" destOrd="0" presId="urn:microsoft.com/office/officeart/2008/layout/LinedList"/>
    <dgm:cxn modelId="{FB4C8E55-60F6-4B51-A8B2-64BA117413CF}" type="presOf" srcId="{DA6C570E-F76B-4A45-8F0F-422BFC2BCC48}" destId="{737C3940-7D7B-4CFE-A387-4BFDD8A3F6F3}" srcOrd="0" destOrd="0" presId="urn:microsoft.com/office/officeart/2008/layout/LinedList"/>
    <dgm:cxn modelId="{9536E07D-F15A-4EC2-A5D2-BD303DB01A1E}" srcId="{D9818593-2D1C-4D10-A209-7DE3A458174F}" destId="{45AA5249-A0E2-47B4-BEF2-84C2AC63D5BF}" srcOrd="4" destOrd="0" parTransId="{BC215CA3-9AD9-4F5F-9A9D-7BE9D9168382}" sibTransId="{11554420-ACFC-49AA-BB69-2F5B2DAD5FCE}"/>
    <dgm:cxn modelId="{896A1DB1-DFC1-4245-B140-0802935C199C}" type="presOf" srcId="{45AA5249-A0E2-47B4-BEF2-84C2AC63D5BF}" destId="{740AA0B3-8EEF-47F5-A110-18595D6E1B1E}" srcOrd="0" destOrd="0" presId="urn:microsoft.com/office/officeart/2008/layout/LinedList"/>
    <dgm:cxn modelId="{E2161ACE-F90F-4B89-B9FF-3DC5140857A0}" srcId="{D9818593-2D1C-4D10-A209-7DE3A458174F}" destId="{DA6C570E-F76B-4A45-8F0F-422BFC2BCC48}" srcOrd="5" destOrd="0" parTransId="{B77F5940-7AD6-4E53-B987-4F81FC3E8EE0}" sibTransId="{4C479DC4-919D-43ED-9A8A-356A903EE165}"/>
    <dgm:cxn modelId="{E6517AE6-E96D-4012-9BCE-FC30C2EEB18A}" srcId="{D9818593-2D1C-4D10-A209-7DE3A458174F}" destId="{5E9B0C2B-4DF9-4348-978A-3B58DA1CADBB}" srcOrd="0" destOrd="0" parTransId="{5851E685-A46F-4C57-A57E-E3EE8B65B271}" sibTransId="{20F28F31-2F7C-4C4E-8EF6-4F46A629F201}"/>
    <dgm:cxn modelId="{15208825-BA19-4088-BAB4-061D68FAF27A}" type="presParOf" srcId="{84CBFEAA-AAD5-4321-9706-5994145F9389}" destId="{7296C826-E378-42EE-81B8-01566D8458D8}" srcOrd="0" destOrd="0" presId="urn:microsoft.com/office/officeart/2008/layout/LinedList"/>
    <dgm:cxn modelId="{7DC73BA6-65BC-4DE5-9134-CA9E06222578}" type="presParOf" srcId="{84CBFEAA-AAD5-4321-9706-5994145F9389}" destId="{83F07900-8A3F-4572-9D3A-B37948DA9B5A}" srcOrd="1" destOrd="0" presId="urn:microsoft.com/office/officeart/2008/layout/LinedList"/>
    <dgm:cxn modelId="{D2B9592F-FBC7-424C-83D1-59467B86B336}" type="presParOf" srcId="{83F07900-8A3F-4572-9D3A-B37948DA9B5A}" destId="{000A191A-F93C-4066-B739-872FF0844D5B}" srcOrd="0" destOrd="0" presId="urn:microsoft.com/office/officeart/2008/layout/LinedList"/>
    <dgm:cxn modelId="{2C287DA8-B8AC-4E1C-8C6C-9CC926847818}" type="presParOf" srcId="{83F07900-8A3F-4572-9D3A-B37948DA9B5A}" destId="{609C987D-6F58-4E8E-B948-C643B2BD7C70}" srcOrd="1" destOrd="0" presId="urn:microsoft.com/office/officeart/2008/layout/LinedList"/>
    <dgm:cxn modelId="{59439F9D-34C6-47DE-8317-5F97685484AD}" type="presParOf" srcId="{84CBFEAA-AAD5-4321-9706-5994145F9389}" destId="{B5E0EBDC-E813-4CCB-B007-47486A9F5979}" srcOrd="2" destOrd="0" presId="urn:microsoft.com/office/officeart/2008/layout/LinedList"/>
    <dgm:cxn modelId="{5D517CC4-36EB-49FC-BB19-50AEA1019B0D}" type="presParOf" srcId="{84CBFEAA-AAD5-4321-9706-5994145F9389}" destId="{0A14BFD0-CE8A-476C-B9A3-1660B16CB237}" srcOrd="3" destOrd="0" presId="urn:microsoft.com/office/officeart/2008/layout/LinedList"/>
    <dgm:cxn modelId="{F1D8CD67-A85E-40E7-A6FC-D018C45DAC30}" type="presParOf" srcId="{0A14BFD0-CE8A-476C-B9A3-1660B16CB237}" destId="{51FBD0F6-B636-4D31-B006-F87D52DA8944}" srcOrd="0" destOrd="0" presId="urn:microsoft.com/office/officeart/2008/layout/LinedList"/>
    <dgm:cxn modelId="{C1444C0D-93A6-45AD-AEDE-9D0D5D10A03E}" type="presParOf" srcId="{0A14BFD0-CE8A-476C-B9A3-1660B16CB237}" destId="{08D45AB4-6E5A-4B19-A36A-8CCEA35190BB}" srcOrd="1" destOrd="0" presId="urn:microsoft.com/office/officeart/2008/layout/LinedList"/>
    <dgm:cxn modelId="{F8643DC2-40E5-4AB4-B578-EBDE55C30611}" type="presParOf" srcId="{84CBFEAA-AAD5-4321-9706-5994145F9389}" destId="{8427DE5C-4E7D-4DA4-A8B3-80E405E78064}" srcOrd="4" destOrd="0" presId="urn:microsoft.com/office/officeart/2008/layout/LinedList"/>
    <dgm:cxn modelId="{C61CC4FE-F0C9-4F14-A690-57A5102EFB88}" type="presParOf" srcId="{84CBFEAA-AAD5-4321-9706-5994145F9389}" destId="{549D5220-BC9B-4529-AFE6-A583B9392FF8}" srcOrd="5" destOrd="0" presId="urn:microsoft.com/office/officeart/2008/layout/LinedList"/>
    <dgm:cxn modelId="{19C7C19B-4F36-444E-BC3D-629F336FEC85}" type="presParOf" srcId="{549D5220-BC9B-4529-AFE6-A583B9392FF8}" destId="{1525B998-07E8-431F-B701-7CE869E66812}" srcOrd="0" destOrd="0" presId="urn:microsoft.com/office/officeart/2008/layout/LinedList"/>
    <dgm:cxn modelId="{F4735C72-53D7-42C1-A5FE-69E73BFB31AC}" type="presParOf" srcId="{549D5220-BC9B-4529-AFE6-A583B9392FF8}" destId="{A9FDD09C-7AC0-44A7-B73B-5C6DDAE60AC4}" srcOrd="1" destOrd="0" presId="urn:microsoft.com/office/officeart/2008/layout/LinedList"/>
    <dgm:cxn modelId="{B9573682-2532-4A04-8024-F72BB84822A4}" type="presParOf" srcId="{84CBFEAA-AAD5-4321-9706-5994145F9389}" destId="{5910FA28-7489-4BB1-92A9-23C389A75D41}" srcOrd="6" destOrd="0" presId="urn:microsoft.com/office/officeart/2008/layout/LinedList"/>
    <dgm:cxn modelId="{D3E77881-7C17-453D-AE9A-56D8C8C69F9C}" type="presParOf" srcId="{84CBFEAA-AAD5-4321-9706-5994145F9389}" destId="{DE55F8C6-78A8-4EC5-93A3-E0182921EDD7}" srcOrd="7" destOrd="0" presId="urn:microsoft.com/office/officeart/2008/layout/LinedList"/>
    <dgm:cxn modelId="{AB090748-DFEA-48F3-88A4-899437D2E522}" type="presParOf" srcId="{DE55F8C6-78A8-4EC5-93A3-E0182921EDD7}" destId="{287C9381-0B19-428C-9F21-5B0591485F46}" srcOrd="0" destOrd="0" presId="urn:microsoft.com/office/officeart/2008/layout/LinedList"/>
    <dgm:cxn modelId="{13BF82C4-5A13-4EA4-8C6D-E9B0D6A3C745}" type="presParOf" srcId="{DE55F8C6-78A8-4EC5-93A3-E0182921EDD7}" destId="{EA715D75-D858-4016-BB7E-1886AAD88623}" srcOrd="1" destOrd="0" presId="urn:microsoft.com/office/officeart/2008/layout/LinedList"/>
    <dgm:cxn modelId="{031C99CF-7B63-45A4-9F33-17BF6E476FD6}" type="presParOf" srcId="{84CBFEAA-AAD5-4321-9706-5994145F9389}" destId="{7E476EAC-01E3-401C-83CA-6D5C059DB933}" srcOrd="8" destOrd="0" presId="urn:microsoft.com/office/officeart/2008/layout/LinedList"/>
    <dgm:cxn modelId="{12108FB1-EB84-4E0F-98EE-5669A04E0D47}" type="presParOf" srcId="{84CBFEAA-AAD5-4321-9706-5994145F9389}" destId="{9E1D0281-4003-4273-BDFF-365B6A143044}" srcOrd="9" destOrd="0" presId="urn:microsoft.com/office/officeart/2008/layout/LinedList"/>
    <dgm:cxn modelId="{1E09ED37-4B5B-4C90-A559-850DFD726A95}" type="presParOf" srcId="{9E1D0281-4003-4273-BDFF-365B6A143044}" destId="{740AA0B3-8EEF-47F5-A110-18595D6E1B1E}" srcOrd="0" destOrd="0" presId="urn:microsoft.com/office/officeart/2008/layout/LinedList"/>
    <dgm:cxn modelId="{AC3512A0-3A3A-4703-B9FB-16637CACB54C}" type="presParOf" srcId="{9E1D0281-4003-4273-BDFF-365B6A143044}" destId="{EF2E8C56-50DB-431D-9F46-9C7282AB3CAF}" srcOrd="1" destOrd="0" presId="urn:microsoft.com/office/officeart/2008/layout/LinedList"/>
    <dgm:cxn modelId="{E01A88C7-EDF9-4433-A6EC-09F86DF6AEB1}" type="presParOf" srcId="{84CBFEAA-AAD5-4321-9706-5994145F9389}" destId="{E1989253-9106-4F85-9C1C-737EF4C3FDAB}" srcOrd="10" destOrd="0" presId="urn:microsoft.com/office/officeart/2008/layout/LinedList"/>
    <dgm:cxn modelId="{87E8E664-5E23-4768-B944-10CC3E0026CC}" type="presParOf" srcId="{84CBFEAA-AAD5-4321-9706-5994145F9389}" destId="{B3CFA788-52BF-4839-B3F7-B5D1C70085D3}" srcOrd="11" destOrd="0" presId="urn:microsoft.com/office/officeart/2008/layout/LinedList"/>
    <dgm:cxn modelId="{FB2D34A1-5764-44FC-9CFE-745E7B2ADA53}" type="presParOf" srcId="{B3CFA788-52BF-4839-B3F7-B5D1C70085D3}" destId="{737C3940-7D7B-4CFE-A387-4BFDD8A3F6F3}" srcOrd="0" destOrd="0" presId="urn:microsoft.com/office/officeart/2008/layout/LinedList"/>
    <dgm:cxn modelId="{72236461-D1E1-4811-98A0-AAC3455D9C92}" type="presParOf" srcId="{B3CFA788-52BF-4839-B3F7-B5D1C70085D3}" destId="{E7B526A4-EA69-4A56-AD3F-A68CDBBED0B3}" srcOrd="1" destOrd="0" presId="urn:microsoft.com/office/officeart/2008/layout/Lined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296C826-E378-42EE-81B8-01566D8458D8}">
      <dsp:nvSpPr>
        <dsp:cNvPr id="0" name=""/>
        <dsp:cNvSpPr/>
      </dsp:nvSpPr>
      <dsp:spPr>
        <a:xfrm>
          <a:off x="0" y="2393"/>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000A191A-F93C-4066-B739-872FF0844D5B}">
      <dsp:nvSpPr>
        <dsp:cNvPr id="0" name=""/>
        <dsp:cNvSpPr/>
      </dsp:nvSpPr>
      <dsp:spPr>
        <a:xfrm>
          <a:off x="0" y="2393"/>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29540" tIns="129540" rIns="129540" bIns="129540" numCol="1" spcCol="1270" anchor="t" anchorCtr="0">
          <a:noAutofit/>
        </a:bodyPr>
        <a:lstStyle/>
        <a:p>
          <a:pPr marL="0" lvl="0" indent="0" algn="l" defTabSz="1511300">
            <a:lnSpc>
              <a:spcPct val="90000"/>
            </a:lnSpc>
            <a:spcBef>
              <a:spcPct val="0"/>
            </a:spcBef>
            <a:spcAft>
              <a:spcPct val="35000"/>
            </a:spcAft>
            <a:buNone/>
          </a:pPr>
          <a:r>
            <a:rPr lang="ja-JP" altLang="en-US" sz="3400" kern="1200" dirty="0"/>
            <a:t>審査基準にこたえてないなあ。</a:t>
          </a:r>
          <a:endParaRPr lang="en-US" sz="3400" kern="1200" dirty="0"/>
        </a:p>
      </dsp:txBody>
      <dsp:txXfrm>
        <a:off x="0" y="2393"/>
        <a:ext cx="10515600" cy="816119"/>
      </dsp:txXfrm>
    </dsp:sp>
    <dsp:sp modelId="{B5E0EBDC-E813-4CCB-B007-47486A9F5979}">
      <dsp:nvSpPr>
        <dsp:cNvPr id="0" name=""/>
        <dsp:cNvSpPr/>
      </dsp:nvSpPr>
      <dsp:spPr>
        <a:xfrm>
          <a:off x="0" y="818512"/>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1FBD0F6-B636-4D31-B006-F87D52DA8944}">
      <dsp:nvSpPr>
        <dsp:cNvPr id="0" name=""/>
        <dsp:cNvSpPr/>
      </dsp:nvSpPr>
      <dsp:spPr>
        <a:xfrm>
          <a:off x="0" y="818512"/>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29540" tIns="129540" rIns="129540" bIns="129540" numCol="1" spcCol="1270" anchor="t" anchorCtr="0">
          <a:noAutofit/>
        </a:bodyPr>
        <a:lstStyle/>
        <a:p>
          <a:pPr marL="0" lvl="0" indent="0" algn="l" defTabSz="1511300">
            <a:lnSpc>
              <a:spcPct val="90000"/>
            </a:lnSpc>
            <a:spcBef>
              <a:spcPct val="0"/>
            </a:spcBef>
            <a:spcAft>
              <a:spcPct val="35000"/>
            </a:spcAft>
            <a:buNone/>
          </a:pPr>
          <a:r>
            <a:rPr lang="ja-JP" sz="3400" kern="1200" dirty="0"/>
            <a:t>ありきたりの提案で、</a:t>
          </a:r>
          <a:r>
            <a:rPr lang="ja-JP" altLang="en-US" sz="3400" kern="1200" dirty="0"/>
            <a:t>具体性がないなあ</a:t>
          </a:r>
          <a:r>
            <a:rPr lang="ja-JP" sz="3400" kern="1200" dirty="0"/>
            <a:t>。</a:t>
          </a:r>
          <a:endParaRPr lang="en-US" sz="3400" kern="1200" dirty="0"/>
        </a:p>
      </dsp:txBody>
      <dsp:txXfrm>
        <a:off x="0" y="818512"/>
        <a:ext cx="10515600" cy="816119"/>
      </dsp:txXfrm>
    </dsp:sp>
    <dsp:sp modelId="{8427DE5C-4E7D-4DA4-A8B3-80E405E78064}">
      <dsp:nvSpPr>
        <dsp:cNvPr id="0" name=""/>
        <dsp:cNvSpPr/>
      </dsp:nvSpPr>
      <dsp:spPr>
        <a:xfrm>
          <a:off x="0" y="1634631"/>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1525B998-07E8-431F-B701-7CE869E66812}">
      <dsp:nvSpPr>
        <dsp:cNvPr id="0" name=""/>
        <dsp:cNvSpPr/>
      </dsp:nvSpPr>
      <dsp:spPr>
        <a:xfrm>
          <a:off x="0" y="1634631"/>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29540" tIns="129540" rIns="129540" bIns="129540" numCol="1" spcCol="1270" anchor="t" anchorCtr="0">
          <a:noAutofit/>
        </a:bodyPr>
        <a:lstStyle/>
        <a:p>
          <a:pPr marL="0" lvl="0" indent="0" algn="l" defTabSz="1511300">
            <a:lnSpc>
              <a:spcPct val="90000"/>
            </a:lnSpc>
            <a:spcBef>
              <a:spcPct val="0"/>
            </a:spcBef>
            <a:spcAft>
              <a:spcPct val="35000"/>
            </a:spcAft>
            <a:buNone/>
          </a:pPr>
          <a:r>
            <a:rPr lang="ja-JP" sz="3400" kern="1200"/>
            <a:t>余白が多く、提案作成に一生懸命さがみえないな。</a:t>
          </a:r>
          <a:endParaRPr lang="en-US" sz="3400" kern="1200"/>
        </a:p>
      </dsp:txBody>
      <dsp:txXfrm>
        <a:off x="0" y="1634631"/>
        <a:ext cx="10515600" cy="816119"/>
      </dsp:txXfrm>
    </dsp:sp>
    <dsp:sp modelId="{5910FA28-7489-4BB1-92A9-23C389A75D41}">
      <dsp:nvSpPr>
        <dsp:cNvPr id="0" name=""/>
        <dsp:cNvSpPr/>
      </dsp:nvSpPr>
      <dsp:spPr>
        <a:xfrm>
          <a:off x="0" y="2450750"/>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287C9381-0B19-428C-9F21-5B0591485F46}">
      <dsp:nvSpPr>
        <dsp:cNvPr id="0" name=""/>
        <dsp:cNvSpPr/>
      </dsp:nvSpPr>
      <dsp:spPr>
        <a:xfrm>
          <a:off x="0" y="2450750"/>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29540" tIns="129540" rIns="129540" bIns="129540" numCol="1" spcCol="1270" anchor="t" anchorCtr="0">
          <a:noAutofit/>
        </a:bodyPr>
        <a:lstStyle/>
        <a:p>
          <a:pPr marL="0" lvl="0" indent="0" algn="l" defTabSz="1511300">
            <a:lnSpc>
              <a:spcPct val="90000"/>
            </a:lnSpc>
            <a:spcBef>
              <a:spcPct val="0"/>
            </a:spcBef>
            <a:spcAft>
              <a:spcPct val="35000"/>
            </a:spcAft>
            <a:buNone/>
          </a:pPr>
          <a:r>
            <a:rPr lang="ja-JP" altLang="en-US" sz="3400" kern="1200" dirty="0"/>
            <a:t>一般論で誰でもやるような提案ばかりだな</a:t>
          </a:r>
          <a:r>
            <a:rPr lang="ja-JP" sz="3400" kern="1200" dirty="0"/>
            <a:t>。</a:t>
          </a:r>
          <a:endParaRPr lang="en-US" sz="3400" kern="1200" dirty="0"/>
        </a:p>
      </dsp:txBody>
      <dsp:txXfrm>
        <a:off x="0" y="2450750"/>
        <a:ext cx="10515600" cy="816119"/>
      </dsp:txXfrm>
    </dsp:sp>
    <dsp:sp modelId="{7E476EAC-01E3-401C-83CA-6D5C059DB933}">
      <dsp:nvSpPr>
        <dsp:cNvPr id="0" name=""/>
        <dsp:cNvSpPr/>
      </dsp:nvSpPr>
      <dsp:spPr>
        <a:xfrm>
          <a:off x="0" y="3266870"/>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740AA0B3-8EEF-47F5-A110-18595D6E1B1E}">
      <dsp:nvSpPr>
        <dsp:cNvPr id="0" name=""/>
        <dsp:cNvSpPr/>
      </dsp:nvSpPr>
      <dsp:spPr>
        <a:xfrm>
          <a:off x="0" y="3266870"/>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29540" tIns="129540" rIns="129540" bIns="129540" numCol="1" spcCol="1270" anchor="t" anchorCtr="0">
          <a:noAutofit/>
        </a:bodyPr>
        <a:lstStyle/>
        <a:p>
          <a:pPr marL="0" lvl="0" indent="0" algn="l" defTabSz="1511300">
            <a:lnSpc>
              <a:spcPct val="90000"/>
            </a:lnSpc>
            <a:spcBef>
              <a:spcPct val="0"/>
            </a:spcBef>
            <a:spcAft>
              <a:spcPct val="35000"/>
            </a:spcAft>
            <a:buNone/>
          </a:pPr>
          <a:r>
            <a:rPr lang="ja-JP" altLang="en-US" sz="3400" kern="1200" dirty="0"/>
            <a:t>いいこといっぱい書いてあるけど本当にやれるのかな。</a:t>
          </a:r>
          <a:endParaRPr lang="en-US" sz="3400" kern="1200" dirty="0"/>
        </a:p>
      </dsp:txBody>
      <dsp:txXfrm>
        <a:off x="0" y="3266870"/>
        <a:ext cx="10515600" cy="816119"/>
      </dsp:txXfrm>
    </dsp:sp>
    <dsp:sp modelId="{E1989253-9106-4F85-9C1C-737EF4C3FDAB}">
      <dsp:nvSpPr>
        <dsp:cNvPr id="0" name=""/>
        <dsp:cNvSpPr/>
      </dsp:nvSpPr>
      <dsp:spPr>
        <a:xfrm>
          <a:off x="0" y="4082989"/>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737C3940-7D7B-4CFE-A387-4BFDD8A3F6F3}">
      <dsp:nvSpPr>
        <dsp:cNvPr id="0" name=""/>
        <dsp:cNvSpPr/>
      </dsp:nvSpPr>
      <dsp:spPr>
        <a:xfrm>
          <a:off x="0" y="4082989"/>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29540" tIns="129540" rIns="129540" bIns="129540" numCol="1" spcCol="1270" anchor="t" anchorCtr="0">
          <a:noAutofit/>
        </a:bodyPr>
        <a:lstStyle/>
        <a:p>
          <a:pPr marL="0" lvl="0" indent="0" algn="l" defTabSz="1511300">
            <a:lnSpc>
              <a:spcPct val="90000"/>
            </a:lnSpc>
            <a:spcBef>
              <a:spcPct val="0"/>
            </a:spcBef>
            <a:spcAft>
              <a:spcPct val="35000"/>
            </a:spcAft>
            <a:buNone/>
          </a:pPr>
          <a:r>
            <a:rPr lang="ja-JP" altLang="en-US" sz="3400" kern="1200" dirty="0"/>
            <a:t>個々の提案いいけど、あちこちの記載に矛盾がみえるな</a:t>
          </a:r>
          <a:r>
            <a:rPr lang="ja-JP" sz="3400" kern="1200" dirty="0"/>
            <a:t>。</a:t>
          </a:r>
          <a:endParaRPr lang="en-US" sz="3400" kern="1200" dirty="0"/>
        </a:p>
      </dsp:txBody>
      <dsp:txXfrm>
        <a:off x="0" y="4082989"/>
        <a:ext cx="10515600" cy="816119"/>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296C826-E378-42EE-81B8-01566D8458D8}">
      <dsp:nvSpPr>
        <dsp:cNvPr id="0" name=""/>
        <dsp:cNvSpPr/>
      </dsp:nvSpPr>
      <dsp:spPr>
        <a:xfrm>
          <a:off x="0" y="2393"/>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000A191A-F93C-4066-B739-872FF0844D5B}">
      <dsp:nvSpPr>
        <dsp:cNvPr id="0" name=""/>
        <dsp:cNvSpPr/>
      </dsp:nvSpPr>
      <dsp:spPr>
        <a:xfrm>
          <a:off x="0" y="2393"/>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10490" tIns="110490" rIns="110490" bIns="110490" numCol="1" spcCol="1270" anchor="t" anchorCtr="0">
          <a:noAutofit/>
        </a:bodyPr>
        <a:lstStyle/>
        <a:p>
          <a:pPr marL="0" lvl="0" indent="0" algn="l" defTabSz="1289050">
            <a:lnSpc>
              <a:spcPct val="90000"/>
            </a:lnSpc>
            <a:spcBef>
              <a:spcPct val="0"/>
            </a:spcBef>
            <a:spcAft>
              <a:spcPct val="35000"/>
            </a:spcAft>
            <a:buNone/>
          </a:pPr>
          <a:r>
            <a:rPr lang="ja-JP" sz="2900" kern="1200"/>
            <a:t>熱意が感じられないね。（多くはプレゼンの印象）</a:t>
          </a:r>
          <a:endParaRPr lang="en-US" sz="2900" kern="1200"/>
        </a:p>
      </dsp:txBody>
      <dsp:txXfrm>
        <a:off x="0" y="2393"/>
        <a:ext cx="10515600" cy="816119"/>
      </dsp:txXfrm>
    </dsp:sp>
    <dsp:sp modelId="{B5E0EBDC-E813-4CCB-B007-47486A9F5979}">
      <dsp:nvSpPr>
        <dsp:cNvPr id="0" name=""/>
        <dsp:cNvSpPr/>
      </dsp:nvSpPr>
      <dsp:spPr>
        <a:xfrm>
          <a:off x="0" y="818512"/>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1FBD0F6-B636-4D31-B006-F87D52DA8944}">
      <dsp:nvSpPr>
        <dsp:cNvPr id="0" name=""/>
        <dsp:cNvSpPr/>
      </dsp:nvSpPr>
      <dsp:spPr>
        <a:xfrm>
          <a:off x="0" y="818512"/>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10490" tIns="110490" rIns="110490" bIns="110490" numCol="1" spcCol="1270" anchor="t" anchorCtr="0">
          <a:noAutofit/>
        </a:bodyPr>
        <a:lstStyle/>
        <a:p>
          <a:pPr marL="0" lvl="0" indent="0" algn="l" defTabSz="1289050">
            <a:lnSpc>
              <a:spcPct val="90000"/>
            </a:lnSpc>
            <a:spcBef>
              <a:spcPct val="0"/>
            </a:spcBef>
            <a:spcAft>
              <a:spcPct val="35000"/>
            </a:spcAft>
            <a:buNone/>
          </a:pPr>
          <a:r>
            <a:rPr lang="ja-JP" sz="2900" kern="1200"/>
            <a:t>ありきたりの提案で、創意工夫の少ないチームかな。</a:t>
          </a:r>
          <a:endParaRPr lang="en-US" sz="2900" kern="1200"/>
        </a:p>
      </dsp:txBody>
      <dsp:txXfrm>
        <a:off x="0" y="818512"/>
        <a:ext cx="10515600" cy="816119"/>
      </dsp:txXfrm>
    </dsp:sp>
    <dsp:sp modelId="{8427DE5C-4E7D-4DA4-A8B3-80E405E78064}">
      <dsp:nvSpPr>
        <dsp:cNvPr id="0" name=""/>
        <dsp:cNvSpPr/>
      </dsp:nvSpPr>
      <dsp:spPr>
        <a:xfrm>
          <a:off x="0" y="1634631"/>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1525B998-07E8-431F-B701-7CE869E66812}">
      <dsp:nvSpPr>
        <dsp:cNvPr id="0" name=""/>
        <dsp:cNvSpPr/>
      </dsp:nvSpPr>
      <dsp:spPr>
        <a:xfrm>
          <a:off x="0" y="1634631"/>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10490" tIns="110490" rIns="110490" bIns="110490" numCol="1" spcCol="1270" anchor="t" anchorCtr="0">
          <a:noAutofit/>
        </a:bodyPr>
        <a:lstStyle/>
        <a:p>
          <a:pPr marL="0" lvl="0" indent="0" algn="l" defTabSz="1289050">
            <a:lnSpc>
              <a:spcPct val="90000"/>
            </a:lnSpc>
            <a:spcBef>
              <a:spcPct val="0"/>
            </a:spcBef>
            <a:spcAft>
              <a:spcPct val="35000"/>
            </a:spcAft>
            <a:buNone/>
          </a:pPr>
          <a:r>
            <a:rPr lang="ja-JP" sz="2900" kern="1200"/>
            <a:t>余白が多く、提案作成に一生懸命さがみえないな。</a:t>
          </a:r>
          <a:endParaRPr lang="en-US" sz="2900" kern="1200"/>
        </a:p>
      </dsp:txBody>
      <dsp:txXfrm>
        <a:off x="0" y="1634631"/>
        <a:ext cx="10515600" cy="816119"/>
      </dsp:txXfrm>
    </dsp:sp>
    <dsp:sp modelId="{5910FA28-7489-4BB1-92A9-23C389A75D41}">
      <dsp:nvSpPr>
        <dsp:cNvPr id="0" name=""/>
        <dsp:cNvSpPr/>
      </dsp:nvSpPr>
      <dsp:spPr>
        <a:xfrm>
          <a:off x="0" y="2450750"/>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287C9381-0B19-428C-9F21-5B0591485F46}">
      <dsp:nvSpPr>
        <dsp:cNvPr id="0" name=""/>
        <dsp:cNvSpPr/>
      </dsp:nvSpPr>
      <dsp:spPr>
        <a:xfrm>
          <a:off x="0" y="2450750"/>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10490" tIns="110490" rIns="110490" bIns="110490" numCol="1" spcCol="1270" anchor="t" anchorCtr="0">
          <a:noAutofit/>
        </a:bodyPr>
        <a:lstStyle/>
        <a:p>
          <a:pPr marL="0" lvl="0" indent="0" algn="l" defTabSz="1289050">
            <a:lnSpc>
              <a:spcPct val="90000"/>
            </a:lnSpc>
            <a:spcBef>
              <a:spcPct val="0"/>
            </a:spcBef>
            <a:spcAft>
              <a:spcPct val="35000"/>
            </a:spcAft>
            <a:buNone/>
          </a:pPr>
          <a:r>
            <a:rPr lang="ja-JP" sz="2900" kern="1200"/>
            <a:t>誤記やケアレスミスが多く、時間なかったのか、そういうチームかな。</a:t>
          </a:r>
          <a:endParaRPr lang="en-US" sz="2900" kern="1200"/>
        </a:p>
      </dsp:txBody>
      <dsp:txXfrm>
        <a:off x="0" y="2450750"/>
        <a:ext cx="10515600" cy="816119"/>
      </dsp:txXfrm>
    </dsp:sp>
    <dsp:sp modelId="{7E476EAC-01E3-401C-83CA-6D5C059DB933}">
      <dsp:nvSpPr>
        <dsp:cNvPr id="0" name=""/>
        <dsp:cNvSpPr/>
      </dsp:nvSpPr>
      <dsp:spPr>
        <a:xfrm>
          <a:off x="0" y="3266870"/>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740AA0B3-8EEF-47F5-A110-18595D6E1B1E}">
      <dsp:nvSpPr>
        <dsp:cNvPr id="0" name=""/>
        <dsp:cNvSpPr/>
      </dsp:nvSpPr>
      <dsp:spPr>
        <a:xfrm>
          <a:off x="0" y="3266870"/>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10490" tIns="110490" rIns="110490" bIns="110490" numCol="1" spcCol="1270" anchor="t" anchorCtr="0">
          <a:noAutofit/>
        </a:bodyPr>
        <a:lstStyle/>
        <a:p>
          <a:pPr marL="0" lvl="0" indent="0" algn="l" defTabSz="1289050">
            <a:lnSpc>
              <a:spcPct val="90000"/>
            </a:lnSpc>
            <a:spcBef>
              <a:spcPct val="0"/>
            </a:spcBef>
            <a:spcAft>
              <a:spcPct val="35000"/>
            </a:spcAft>
            <a:buNone/>
          </a:pPr>
          <a:r>
            <a:rPr lang="ja-JP" sz="2900" kern="1200"/>
            <a:t>チームの役割分担や結束が。。。（プレゼンの回答でまごまご）</a:t>
          </a:r>
          <a:endParaRPr lang="en-US" sz="2900" kern="1200"/>
        </a:p>
      </dsp:txBody>
      <dsp:txXfrm>
        <a:off x="0" y="3266870"/>
        <a:ext cx="10515600" cy="816119"/>
      </dsp:txXfrm>
    </dsp:sp>
    <dsp:sp modelId="{E1989253-9106-4F85-9C1C-737EF4C3FDAB}">
      <dsp:nvSpPr>
        <dsp:cNvPr id="0" name=""/>
        <dsp:cNvSpPr/>
      </dsp:nvSpPr>
      <dsp:spPr>
        <a:xfrm>
          <a:off x="0" y="4082989"/>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737C3940-7D7B-4CFE-A387-4BFDD8A3F6F3}">
      <dsp:nvSpPr>
        <dsp:cNvPr id="0" name=""/>
        <dsp:cNvSpPr/>
      </dsp:nvSpPr>
      <dsp:spPr>
        <a:xfrm>
          <a:off x="0" y="4082989"/>
          <a:ext cx="10515600" cy="81611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10490" tIns="110490" rIns="110490" bIns="110490" numCol="1" spcCol="1270" anchor="t" anchorCtr="0">
          <a:noAutofit/>
        </a:bodyPr>
        <a:lstStyle/>
        <a:p>
          <a:pPr marL="0" lvl="0" indent="0" algn="l" defTabSz="1289050">
            <a:lnSpc>
              <a:spcPct val="90000"/>
            </a:lnSpc>
            <a:spcBef>
              <a:spcPct val="0"/>
            </a:spcBef>
            <a:spcAft>
              <a:spcPct val="35000"/>
            </a:spcAft>
            <a:buNone/>
          </a:pPr>
          <a:r>
            <a:rPr lang="ja-JP" sz="2900" kern="1200" dirty="0"/>
            <a:t>チームの統率が一本化されてないな。</a:t>
          </a:r>
          <a:endParaRPr lang="en-US" sz="2900" kern="1200" dirty="0"/>
        </a:p>
      </dsp:txBody>
      <dsp:txXfrm>
        <a:off x="0" y="4082989"/>
        <a:ext cx="10515600" cy="816119"/>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296C826-E378-42EE-81B8-01566D8458D8}">
      <dsp:nvSpPr>
        <dsp:cNvPr id="0" name=""/>
        <dsp:cNvSpPr/>
      </dsp:nvSpPr>
      <dsp:spPr>
        <a:xfrm>
          <a:off x="0" y="3397"/>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000A191A-F93C-4066-B739-872FF0844D5B}">
      <dsp:nvSpPr>
        <dsp:cNvPr id="0" name=""/>
        <dsp:cNvSpPr/>
      </dsp:nvSpPr>
      <dsp:spPr>
        <a:xfrm>
          <a:off x="0" y="3397"/>
          <a:ext cx="10505346" cy="65854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2870" tIns="102870" rIns="102870" bIns="102870" numCol="1" spcCol="1270" anchor="t" anchorCtr="0">
          <a:noAutofit/>
        </a:bodyPr>
        <a:lstStyle/>
        <a:p>
          <a:pPr marL="0" lvl="0" indent="0" algn="l" defTabSz="1200150">
            <a:lnSpc>
              <a:spcPct val="90000"/>
            </a:lnSpc>
            <a:spcBef>
              <a:spcPct val="0"/>
            </a:spcBef>
            <a:spcAft>
              <a:spcPct val="35000"/>
            </a:spcAft>
            <a:buNone/>
          </a:pPr>
          <a:r>
            <a:rPr lang="ja-JP" altLang="en-US" sz="2700" kern="1200" dirty="0"/>
            <a:t>提案内容：自分の提案理解してないね。質問でどぎまぎ、うろうろ</a:t>
          </a:r>
          <a:endParaRPr lang="en-US" sz="2700" kern="1200" dirty="0"/>
        </a:p>
      </dsp:txBody>
      <dsp:txXfrm>
        <a:off x="0" y="3397"/>
        <a:ext cx="10505346" cy="658545"/>
      </dsp:txXfrm>
    </dsp:sp>
    <dsp:sp modelId="{B5E0EBDC-E813-4CCB-B007-47486A9F5979}">
      <dsp:nvSpPr>
        <dsp:cNvPr id="0" name=""/>
        <dsp:cNvSpPr/>
      </dsp:nvSpPr>
      <dsp:spPr>
        <a:xfrm>
          <a:off x="0" y="661942"/>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1FBD0F6-B636-4D31-B006-F87D52DA8944}">
      <dsp:nvSpPr>
        <dsp:cNvPr id="0" name=""/>
        <dsp:cNvSpPr/>
      </dsp:nvSpPr>
      <dsp:spPr>
        <a:xfrm>
          <a:off x="0" y="661942"/>
          <a:ext cx="10515600" cy="84723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2870" tIns="102870" rIns="102870" bIns="102870" numCol="1" spcCol="1270" anchor="t" anchorCtr="0">
          <a:noAutofit/>
        </a:bodyPr>
        <a:lstStyle/>
        <a:p>
          <a:pPr marL="0" lvl="0" indent="0" algn="l" defTabSz="1200150">
            <a:lnSpc>
              <a:spcPct val="90000"/>
            </a:lnSpc>
            <a:spcBef>
              <a:spcPct val="0"/>
            </a:spcBef>
            <a:spcAft>
              <a:spcPct val="35000"/>
            </a:spcAft>
            <a:buNone/>
          </a:pPr>
          <a:r>
            <a:rPr lang="ja-JP" altLang="en-US" sz="2700" kern="1200" dirty="0"/>
            <a:t>情緒的で具体的でないなあ。</a:t>
          </a:r>
          <a:endParaRPr lang="en-US" sz="2700" kern="1200" dirty="0"/>
        </a:p>
      </dsp:txBody>
      <dsp:txXfrm>
        <a:off x="0" y="661942"/>
        <a:ext cx="10515600" cy="847232"/>
      </dsp:txXfrm>
    </dsp:sp>
    <dsp:sp modelId="{8427DE5C-4E7D-4DA4-A8B3-80E405E78064}">
      <dsp:nvSpPr>
        <dsp:cNvPr id="0" name=""/>
        <dsp:cNvSpPr/>
      </dsp:nvSpPr>
      <dsp:spPr>
        <a:xfrm>
          <a:off x="0" y="1509175"/>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1525B998-07E8-431F-B701-7CE869E66812}">
      <dsp:nvSpPr>
        <dsp:cNvPr id="0" name=""/>
        <dsp:cNvSpPr/>
      </dsp:nvSpPr>
      <dsp:spPr>
        <a:xfrm>
          <a:off x="0" y="1509175"/>
          <a:ext cx="10515600" cy="84723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2870" tIns="102870" rIns="102870" bIns="102870" numCol="1" spcCol="1270" anchor="t" anchorCtr="0">
          <a:noAutofit/>
        </a:bodyPr>
        <a:lstStyle/>
        <a:p>
          <a:pPr marL="0" lvl="0" indent="0" algn="l" defTabSz="1200150">
            <a:lnSpc>
              <a:spcPct val="90000"/>
            </a:lnSpc>
            <a:spcBef>
              <a:spcPct val="0"/>
            </a:spcBef>
            <a:spcAft>
              <a:spcPct val="35000"/>
            </a:spcAft>
            <a:buNone/>
          </a:pPr>
          <a:r>
            <a:rPr lang="ja-JP" altLang="en-US" sz="2700" kern="1200" dirty="0"/>
            <a:t>事業に使う金額（施設整備費。維持管理費）安いのに提案金額高い？</a:t>
          </a:r>
          <a:endParaRPr lang="en-US" sz="2700" kern="1200" dirty="0"/>
        </a:p>
      </dsp:txBody>
      <dsp:txXfrm>
        <a:off x="0" y="1509175"/>
        <a:ext cx="10515600" cy="847232"/>
      </dsp:txXfrm>
    </dsp:sp>
    <dsp:sp modelId="{5910FA28-7489-4BB1-92A9-23C389A75D41}">
      <dsp:nvSpPr>
        <dsp:cNvPr id="0" name=""/>
        <dsp:cNvSpPr/>
      </dsp:nvSpPr>
      <dsp:spPr>
        <a:xfrm>
          <a:off x="0" y="2356407"/>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287C9381-0B19-428C-9F21-5B0591485F46}">
      <dsp:nvSpPr>
        <dsp:cNvPr id="0" name=""/>
        <dsp:cNvSpPr/>
      </dsp:nvSpPr>
      <dsp:spPr>
        <a:xfrm>
          <a:off x="0" y="2356407"/>
          <a:ext cx="10515600" cy="84723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2870" tIns="102870" rIns="102870" bIns="102870" numCol="1" spcCol="1270" anchor="t" anchorCtr="0">
          <a:noAutofit/>
        </a:bodyPr>
        <a:lstStyle/>
        <a:p>
          <a:pPr marL="0" lvl="0" indent="0" algn="l" defTabSz="1200150">
            <a:lnSpc>
              <a:spcPct val="90000"/>
            </a:lnSpc>
            <a:spcBef>
              <a:spcPct val="0"/>
            </a:spcBef>
            <a:spcAft>
              <a:spcPct val="35000"/>
            </a:spcAft>
            <a:buNone/>
          </a:pPr>
          <a:r>
            <a:rPr lang="ja-JP" altLang="en-US" sz="2700" kern="1200" dirty="0"/>
            <a:t>コンセプトとコンテンツ：整合性ないなあ。コンテンツ作る人の理解？</a:t>
          </a:r>
          <a:endParaRPr lang="en-US" sz="2700" kern="1200" dirty="0"/>
        </a:p>
      </dsp:txBody>
      <dsp:txXfrm>
        <a:off x="0" y="2356407"/>
        <a:ext cx="10515600" cy="847232"/>
      </dsp:txXfrm>
    </dsp:sp>
    <dsp:sp modelId="{7E476EAC-01E3-401C-83CA-6D5C059DB933}">
      <dsp:nvSpPr>
        <dsp:cNvPr id="0" name=""/>
        <dsp:cNvSpPr/>
      </dsp:nvSpPr>
      <dsp:spPr>
        <a:xfrm>
          <a:off x="0" y="3203639"/>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740AA0B3-8EEF-47F5-A110-18595D6E1B1E}">
      <dsp:nvSpPr>
        <dsp:cNvPr id="0" name=""/>
        <dsp:cNvSpPr/>
      </dsp:nvSpPr>
      <dsp:spPr>
        <a:xfrm>
          <a:off x="0" y="3203639"/>
          <a:ext cx="10515600" cy="84723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2870" tIns="102870" rIns="102870" bIns="102870" numCol="1" spcCol="1270" anchor="t" anchorCtr="0">
          <a:noAutofit/>
        </a:bodyPr>
        <a:lstStyle/>
        <a:p>
          <a:pPr marL="0" lvl="0" indent="0" algn="l" defTabSz="1200150">
            <a:lnSpc>
              <a:spcPct val="90000"/>
            </a:lnSpc>
            <a:spcBef>
              <a:spcPct val="0"/>
            </a:spcBef>
            <a:spcAft>
              <a:spcPct val="35000"/>
            </a:spcAft>
            <a:buNone/>
          </a:pPr>
          <a:r>
            <a:rPr lang="ja-JP" altLang="en-US" sz="2700" kern="1200" dirty="0"/>
            <a:t>主張が強すぎて、自治体の意見聞いてくれなさそう！！職員委員</a:t>
          </a:r>
          <a:endParaRPr lang="en-US" sz="2700" kern="1200" dirty="0"/>
        </a:p>
      </dsp:txBody>
      <dsp:txXfrm>
        <a:off x="0" y="3203639"/>
        <a:ext cx="10515600" cy="847232"/>
      </dsp:txXfrm>
    </dsp:sp>
    <dsp:sp modelId="{E1989253-9106-4F85-9C1C-737EF4C3FDAB}">
      <dsp:nvSpPr>
        <dsp:cNvPr id="0" name=""/>
        <dsp:cNvSpPr/>
      </dsp:nvSpPr>
      <dsp:spPr>
        <a:xfrm>
          <a:off x="0" y="4050872"/>
          <a:ext cx="10515600" cy="0"/>
        </a:xfrm>
        <a:prstGeom prst="lin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737C3940-7D7B-4CFE-A387-4BFDD8A3F6F3}">
      <dsp:nvSpPr>
        <dsp:cNvPr id="0" name=""/>
        <dsp:cNvSpPr/>
      </dsp:nvSpPr>
      <dsp:spPr>
        <a:xfrm>
          <a:off x="0" y="4050872"/>
          <a:ext cx="10515600" cy="84723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2870" tIns="102870" rIns="102870" bIns="102870" numCol="1" spcCol="1270" anchor="t" anchorCtr="0">
          <a:noAutofit/>
        </a:bodyPr>
        <a:lstStyle/>
        <a:p>
          <a:pPr marL="0" lvl="0" indent="0" algn="l" defTabSz="1200150">
            <a:lnSpc>
              <a:spcPct val="90000"/>
            </a:lnSpc>
            <a:spcBef>
              <a:spcPct val="0"/>
            </a:spcBef>
            <a:spcAft>
              <a:spcPct val="35000"/>
            </a:spcAft>
            <a:buNone/>
          </a:pPr>
          <a:r>
            <a:rPr lang="ja-JP" altLang="en-US" sz="2700" kern="1200" dirty="0"/>
            <a:t>一般的でこの地域のことわかってるかなあ・・・</a:t>
          </a:r>
          <a:endParaRPr lang="en-US" sz="2700" kern="1200" dirty="0"/>
        </a:p>
      </dsp:txBody>
      <dsp:txXfrm>
        <a:off x="0" y="4050872"/>
        <a:ext cx="10515600" cy="847232"/>
      </dsp:txXfrm>
    </dsp:sp>
  </dsp:spTree>
</dsp:drawing>
</file>

<file path=ppt/diagrams/layout1.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2.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layout3.xml><?xml version="1.0" encoding="utf-8"?>
<dgm:layoutDef xmlns:dgm="http://schemas.openxmlformats.org/drawingml/2006/diagram" xmlns:a="http://schemas.openxmlformats.org/drawingml/2006/main" uniqueId="urn:microsoft.com/office/officeart/2008/layout/LinedList">
  <dgm:title val=""/>
  <dgm:desc val=""/>
  <dgm:catLst>
    <dgm:cat type="hierarchy" pri="8000"/>
    <dgm:cat type="list" pri="25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styleData>
  <dgm:clrData>
    <dgm:dataModel>
      <dgm:ptLst>
        <dgm:pt modelId="0" type="doc"/>
        <dgm:pt modelId="1">
          <dgm:prSet phldr="1"/>
        </dgm:pt>
        <dgm:pt modelId="11">
          <dgm:prSet phldr="1"/>
        </dgm:pt>
        <dgm:pt modelId="12">
          <dgm:prSet phldr="1"/>
        </dgm:pt>
      </dgm:ptLst>
      <dgm:cxnLst>
        <dgm:cxn modelId="2" srcId="0" destId="1" srcOrd="0" destOrd="0"/>
        <dgm:cxn modelId="3" srcId="1" destId="11" srcOrd="0" destOrd="0"/>
        <dgm:cxn modelId="4" srcId="1" destId="12" srcOrd="1" destOrd="0"/>
      </dgm:cxnLst>
      <dgm:bg/>
      <dgm:whole/>
    </dgm:dataModel>
  </dgm:clrData>
  <dgm:layoutNode name="vert0">
    <dgm:varLst>
      <dgm:dir/>
      <dgm:animOne val="branch"/>
      <dgm:animLvl val="lvl"/>
    </dgm:varLst>
    <dgm:choose name="Name0">
      <dgm:if name="Name1" func="var" arg="dir" op="equ" val="norm">
        <dgm:alg type="lin">
          <dgm:param type="linDir" val="fromT"/>
          <dgm:param type="nodeHorzAlign" val="l"/>
        </dgm:alg>
      </dgm:if>
      <dgm:else name="Name2">
        <dgm:alg type="lin">
          <dgm:param type="linDir" val="fromT"/>
          <dgm:param type="nodeHorzAlign" val="r"/>
        </dgm:alg>
      </dgm:else>
    </dgm:choose>
    <dgm:shape xmlns:r="http://schemas.openxmlformats.org/officeDocument/2006/relationships" r:blip="">
      <dgm:adjLst/>
    </dgm:shape>
    <dgm:presOf/>
    <dgm:constrLst>
      <dgm:constr type="w" for="ch" forName="horz1" refType="w"/>
      <dgm:constr type="h" for="ch" forName="horz1" refType="h"/>
      <dgm:constr type="h" for="des" forName="vert1" refType="h"/>
      <dgm:constr type="h" for="des" forName="tx1" refType="h"/>
      <dgm:constr type="h" for="des" forName="horz2" refType="h"/>
      <dgm:constr type="h" for="des" forName="vert2" refType="h"/>
      <dgm:constr type="h" for="des" forName="horz3" refType="h"/>
      <dgm:constr type="h" for="des" forName="vert3" refType="h"/>
      <dgm:constr type="h" for="des" forName="horz4" refType="h"/>
      <dgm:constr type="h" for="des" ptType="node" refType="h"/>
      <dgm:constr type="primFontSz" for="des" forName="tx1" op="equ" val="65"/>
      <dgm:constr type="primFontSz" for="des" forName="tx2" op="equ" val="65"/>
      <dgm:constr type="primFontSz" for="des" forName="tx3" op="equ" val="65"/>
      <dgm:constr type="primFontSz" for="des" forName="tx4" op="equ" val="65"/>
      <dgm:constr type="w" for="des" forName="thickLine" refType="w"/>
      <dgm:constr type="h" for="des" forName="thickLine"/>
      <dgm:constr type="h" for="des" forName="thinLine1"/>
      <dgm:constr type="h" for="des" forName="thinLine2b"/>
      <dgm:constr type="h" for="des" forName="thinLine3"/>
      <dgm:constr type="h" for="des" forName="vertSpace2a" refType="h" fact="0.05"/>
      <dgm:constr type="h" for="des" forName="vertSpace2b" refType="h" refFor="des" refForName="vertSpace2a"/>
    </dgm:constrLst>
    <dgm:forEach name="Name3" axis="ch" ptType="node">
      <dgm:layoutNode name="thickLine" styleLbl="alignNode1">
        <dgm:alg type="sp"/>
        <dgm:shape xmlns:r="http://schemas.openxmlformats.org/officeDocument/2006/relationships" type="line" r:blip="">
          <dgm:adjLst/>
        </dgm:shape>
        <dgm:presOf/>
      </dgm:layoutNode>
      <dgm:layoutNode name="horz1">
        <dgm:choose name="Name4">
          <dgm:if name="Name5" func="var" arg="dir" op="equ" val="norm">
            <dgm:alg type="lin">
              <dgm:param type="linDir" val="fromL"/>
              <dgm:param type="nodeVertAlign" val="t"/>
            </dgm:alg>
          </dgm:if>
          <dgm:else name="Name6">
            <dgm:alg type="lin">
              <dgm:param type="linDir" val="fromR"/>
              <dgm:param type="nodeVertAlign" val="t"/>
            </dgm:alg>
          </dgm:else>
        </dgm:choose>
        <dgm:shape xmlns:r="http://schemas.openxmlformats.org/officeDocument/2006/relationships" r:blip="">
          <dgm:adjLst/>
        </dgm:shape>
        <dgm:presOf/>
        <dgm:choose name="Name7">
          <dgm:if name="Name8" axis="root des" func="maxDepth" op="equ" val="1">
            <dgm:constrLst>
              <dgm:constr type="w" for="ch" forName="tx1" refType="w"/>
            </dgm:constrLst>
          </dgm:if>
          <dgm:if name="Name9" axis="root des" func="maxDepth" op="equ" val="2">
            <dgm:constrLst>
              <dgm:constr type="w" for="ch" forName="tx1" refType="w" fact="0.2"/>
              <dgm:constr type="w" for="des" forName="tx2" refType="w" fact="0.785"/>
              <dgm:constr type="w" for="des" forName="horzSpace2" refType="w" fact="0.015"/>
              <dgm:constr type="w" for="des" forName="thinLine2b" refType="w" fact="0.8"/>
            </dgm:constrLst>
          </dgm:if>
          <dgm:if name="Name10" axis="root des" func="maxDepth" op="equ" val="3">
            <dgm:constrLst>
              <dgm:constr type="w" for="ch" forName="tx1" refType="w" fact="0.2"/>
              <dgm:constr type="w" for="des" forName="tx2" refType="w" fact="0.385"/>
              <dgm:constr type="w" for="des" forName="tx3" refType="w" fact="0.385"/>
              <dgm:constr type="w" for="des" forName="horzSpace2" refType="w" fact="0.015"/>
              <dgm:constr type="w" for="des" forName="horzSpace3" refType="w" fact="0.015"/>
              <dgm:constr type="w" for="des" forName="thinLine2b" refType="w" fact="0.8"/>
              <dgm:constr type="w" for="des" forName="thinLine3" refType="w" fact="0.385"/>
            </dgm:constrLst>
          </dgm:if>
          <dgm:if name="Name11" axis="root des" func="maxDepth" op="gte" val="4">
            <dgm:constrLst>
              <dgm:constr type="w" for="ch" forName="tx1" refType="w" fact="0.2"/>
              <dgm:constr type="w" for="des" forName="tx2" refType="w" fact="0.2516"/>
              <dgm:constr type="w" for="des" forName="tx3" refType="w" fact="0.2516"/>
              <dgm:constr type="w" for="des" forName="tx4" refType="w" fact="0.2516"/>
              <dgm:constr type="w" for="des" forName="horzSpace2" refType="w" fact="0.015"/>
              <dgm:constr type="w" for="des" forName="horzSpace3" refType="w" fact="0.015"/>
              <dgm:constr type="w" for="des" forName="horzSpace4" refType="w" fact="0.015"/>
              <dgm:constr type="w" for="des" forName="thinLine2b" refType="w" fact="0.8"/>
              <dgm:constr type="w" for="des" forName="thinLine3" refType="w" fact="0.5332"/>
            </dgm:constrLst>
          </dgm:if>
          <dgm:else name="Name12"/>
        </dgm:choose>
        <dgm:layoutNode name="tx1"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1">
          <dgm:choose name="Name13">
            <dgm:if name="Name14" func="var" arg="dir" op="equ" val="norm">
              <dgm:alg type="lin">
                <dgm:param type="linDir" val="fromT"/>
                <dgm:param type="nodeHorzAlign" val="l"/>
              </dgm:alg>
            </dgm:if>
            <dgm:else name="Name15">
              <dgm:alg type="lin">
                <dgm:param type="linDir" val="fromT"/>
                <dgm:param type="nodeHorzAlign" val="r"/>
              </dgm:alg>
            </dgm:else>
          </dgm:choose>
          <dgm:shape xmlns:r="http://schemas.openxmlformats.org/officeDocument/2006/relationships" r:blip="">
            <dgm:adjLst/>
          </dgm:shape>
          <dgm:presOf/>
          <dgm:forEach name="Name16" axis="ch" ptType="node">
            <dgm:choose name="Name17">
              <dgm:if name="Name18" axis="self" ptType="node" func="pos" op="equ" val="1">
                <dgm:layoutNode name="vertSpace2a">
                  <dgm:alg type="sp"/>
                  <dgm:shape xmlns:r="http://schemas.openxmlformats.org/officeDocument/2006/relationships" r:blip="">
                    <dgm:adjLst/>
                  </dgm:shape>
                  <dgm:presOf/>
                </dgm:layoutNode>
              </dgm:if>
              <dgm:else name="Name19"/>
            </dgm:choose>
            <dgm:layoutNode name="horz2">
              <dgm:choose name="Name20">
                <dgm:if name="Name21" func="var" arg="dir" op="equ" val="norm">
                  <dgm:alg type="lin">
                    <dgm:param type="linDir" val="fromL"/>
                    <dgm:param type="nodeVertAlign" val="t"/>
                  </dgm:alg>
                </dgm:if>
                <dgm:else name="Name22">
                  <dgm:alg type="lin">
                    <dgm:param type="linDir" val="fromR"/>
                    <dgm:param type="nodeVertAlign" val="t"/>
                  </dgm:alg>
                </dgm:else>
              </dgm:choose>
              <dgm:shape xmlns:r="http://schemas.openxmlformats.org/officeDocument/2006/relationships" r:blip="">
                <dgm:adjLst/>
              </dgm:shape>
              <dgm:presOf/>
              <dgm:layoutNode name="horzSpace2">
                <dgm:alg type="sp"/>
                <dgm:shape xmlns:r="http://schemas.openxmlformats.org/officeDocument/2006/relationships" r:blip="">
                  <dgm:adjLst/>
                </dgm:shape>
                <dgm:presOf/>
              </dgm:layoutNode>
              <dgm:layoutNode name="tx2"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2">
                <dgm:choose name="Name23">
                  <dgm:if name="Name24" func="var" arg="dir" op="equ" val="norm">
                    <dgm:alg type="lin">
                      <dgm:param type="linDir" val="fromT"/>
                      <dgm:param type="nodeHorzAlign" val="l"/>
                    </dgm:alg>
                  </dgm:if>
                  <dgm:else name="Name25">
                    <dgm:alg type="lin">
                      <dgm:param type="linDir" val="fromT"/>
                      <dgm:param type="nodeHorzAlign" val="r"/>
                    </dgm:alg>
                  </dgm:else>
                </dgm:choose>
                <dgm:shape xmlns:r="http://schemas.openxmlformats.org/officeDocument/2006/relationships" r:blip="">
                  <dgm:adjLst/>
                </dgm:shape>
                <dgm:presOf/>
                <dgm:forEach name="Name26" axis="ch" ptType="node">
                  <dgm:layoutNode name="horz3">
                    <dgm:choose name="Name27">
                      <dgm:if name="Name28" func="var" arg="dir" op="equ" val="norm">
                        <dgm:alg type="lin">
                          <dgm:param type="linDir" val="fromL"/>
                          <dgm:param type="nodeVertAlign" val="t"/>
                        </dgm:alg>
                      </dgm:if>
                      <dgm:else name="Name29">
                        <dgm:alg type="lin">
                          <dgm:param type="linDir" val="fromR"/>
                          <dgm:param type="nodeVertAlign" val="t"/>
                        </dgm:alg>
                      </dgm:else>
                    </dgm:choose>
                    <dgm:shape xmlns:r="http://schemas.openxmlformats.org/officeDocument/2006/relationships" r:blip="">
                      <dgm:adjLst/>
                    </dgm:shape>
                    <dgm:presOf/>
                    <dgm:layoutNode name="horzSpace3">
                      <dgm:alg type="sp"/>
                      <dgm:shape xmlns:r="http://schemas.openxmlformats.org/officeDocument/2006/relationships" r:blip="">
                        <dgm:adjLst/>
                      </dgm:shape>
                      <dgm:presOf/>
                    </dgm:layoutNode>
                    <dgm:layoutNode name="tx3" styleLbl="revTx">
                      <dgm:alg type="tx">
                        <dgm:param type="parTxLTRAlign" val="l"/>
                        <dgm:param type="parTxRTLAlign" val="r"/>
                        <dgm:param type="txAnchorVert" val="t"/>
                      </dgm:alg>
                      <dgm:shape xmlns:r="http://schemas.openxmlformats.org/officeDocument/2006/relationships" type="rect" r:blip="">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vert3">
                      <dgm:choose name="Name30">
                        <dgm:if name="Name31" func="var" arg="dir" op="equ" val="norm">
                          <dgm:alg type="lin">
                            <dgm:param type="linDir" val="fromT"/>
                            <dgm:param type="nodeHorzAlign" val="l"/>
                          </dgm:alg>
                        </dgm:if>
                        <dgm:else name="Name32">
                          <dgm:alg type="lin">
                            <dgm:param type="linDir" val="fromT"/>
                            <dgm:param type="nodeHorzAlign" val="r"/>
                          </dgm:alg>
                        </dgm:else>
                      </dgm:choose>
                      <dgm:shape xmlns:r="http://schemas.openxmlformats.org/officeDocument/2006/relationships" r:blip="">
                        <dgm:adjLst/>
                      </dgm:shape>
                      <dgm:presOf/>
                      <dgm:forEach name="Name33" axis="ch" ptType="node">
                        <dgm:layoutNode name="horz4">
                          <dgm:choose name="Name34">
                            <dgm:if name="Name35" func="var" arg="dir" op="equ" val="norm">
                              <dgm:alg type="lin">
                                <dgm:param type="linDir" val="fromL"/>
                                <dgm:param type="nodeVertAlign" val="t"/>
                              </dgm:alg>
                            </dgm:if>
                            <dgm:else name="Name36">
                              <dgm:alg type="lin">
                                <dgm:param type="linDir" val="fromR"/>
                                <dgm:param type="nodeVertAlign" val="t"/>
                              </dgm:alg>
                            </dgm:else>
                          </dgm:choose>
                          <dgm:shape xmlns:r="http://schemas.openxmlformats.org/officeDocument/2006/relationships" r:blip="">
                            <dgm:adjLst/>
                          </dgm:shape>
                          <dgm:presOf/>
                          <dgm:layoutNode name="horzSpace4">
                            <dgm:alg type="sp"/>
                            <dgm:shape xmlns:r="http://schemas.openxmlformats.org/officeDocument/2006/relationships" r:blip="">
                              <dgm:adjLst/>
                            </dgm:shape>
                            <dgm:presOf/>
                          </dgm:layoutNode>
                          <dgm:layoutNode name="tx4" styleLbl="revTx">
                            <dgm:varLst>
                              <dgm:bulletEnabled val="1"/>
                            </dgm:varLst>
                            <dgm:alg type="tx">
                              <dgm:param type="parTxLTRAlign" val="l"/>
                              <dgm:param type="parTxRTLAlign" val="r"/>
                              <dgm:param type="txAnchorVert" val="t"/>
                            </dgm:alg>
                            <dgm:shape xmlns:r="http://schemas.openxmlformats.org/officeDocument/2006/relationships" type="rect" r:blip="">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dgm:layoutNode>
                  </dgm:layoutNode>
                  <dgm:forEach name="Name37" axis="followSib" ptType="sibTrans" cnt="1">
                    <dgm:layoutNode name="thinLine3" styleLbl="callout">
                      <dgm:alg type="sp"/>
                      <dgm:shape xmlns:r="http://schemas.openxmlformats.org/officeDocument/2006/relationships" type="line" r:blip="">
                        <dgm:adjLst/>
                      </dgm:shape>
                      <dgm:presOf/>
                    </dgm:layoutNode>
                  </dgm:forEach>
                </dgm:forEach>
              </dgm:layoutNode>
            </dgm:layoutNode>
            <dgm:layoutNode name="thinLine2b" styleLbl="callout">
              <dgm:alg type="sp"/>
              <dgm:shape xmlns:r="http://schemas.openxmlformats.org/officeDocument/2006/relationships" type="line" r:blip="">
                <dgm:adjLst/>
              </dgm:shape>
              <dgm:presOf/>
            </dgm:layoutNode>
            <dgm:layoutNode name="vertSpace2b">
              <dgm:alg type="sp"/>
              <dgm:shape xmlns:r="http://schemas.openxmlformats.org/officeDocument/2006/relationships" r:blip="">
                <dgm:adjLst/>
              </dgm:shape>
              <dgm:presOf/>
            </dgm:layoutNode>
          </dgm:forEach>
        </dgm:layoutNode>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59649</cdr:x>
      <cdr:y>0.5119</cdr:y>
    </cdr:from>
    <cdr:to>
      <cdr:x>0.70788</cdr:x>
      <cdr:y>0.58333</cdr:y>
    </cdr:to>
    <cdr:sp macro="" textlink="">
      <cdr:nvSpPr>
        <cdr:cNvPr id="2" name="テキスト ボックス 1">
          <a:extLst xmlns:a="http://schemas.openxmlformats.org/drawingml/2006/main">
            <a:ext uri="{FF2B5EF4-FFF2-40B4-BE49-F238E27FC236}">
              <a16:creationId xmlns:a16="http://schemas.microsoft.com/office/drawing/2014/main" id="{679EC2B2-5E95-42A7-A0BC-F2AA5D71F645}"/>
            </a:ext>
          </a:extLst>
        </cdr:cNvPr>
        <cdr:cNvSpPr txBox="1"/>
      </cdr:nvSpPr>
      <cdr:spPr>
        <a:xfrm xmlns:a="http://schemas.openxmlformats.org/drawingml/2006/main">
          <a:off x="4896544" y="3096344"/>
          <a:ext cx="914400" cy="43204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2000" dirty="0"/>
            <a:t>民生費</a:t>
          </a:r>
        </a:p>
      </cdr:txBody>
    </cdr:sp>
  </cdr:relSizeAnchor>
  <cdr:relSizeAnchor xmlns:cdr="http://schemas.openxmlformats.org/drawingml/2006/chartDrawing">
    <cdr:from>
      <cdr:x>0.44</cdr:x>
      <cdr:y>0.7415</cdr:y>
    </cdr:from>
    <cdr:to>
      <cdr:x>0.55139</cdr:x>
      <cdr:y>0.89267</cdr:y>
    </cdr:to>
    <cdr:sp macro="" textlink="">
      <cdr:nvSpPr>
        <cdr:cNvPr id="3" name="テキスト ボックス 2">
          <a:extLst xmlns:a="http://schemas.openxmlformats.org/drawingml/2006/main">
            <a:ext uri="{FF2B5EF4-FFF2-40B4-BE49-F238E27FC236}">
              <a16:creationId xmlns:a16="http://schemas.microsoft.com/office/drawing/2014/main" id="{60F9652A-B89D-4250-A8C6-A40D731BE7D0}"/>
            </a:ext>
          </a:extLst>
        </cdr:cNvPr>
        <cdr:cNvSpPr txBox="1"/>
      </cdr:nvSpPr>
      <cdr:spPr>
        <a:xfrm xmlns:a="http://schemas.openxmlformats.org/drawingml/2006/main">
          <a:off x="3960440" y="5085184"/>
          <a:ext cx="1002631" cy="1036749"/>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2000" dirty="0"/>
            <a:t>土木費</a:t>
          </a: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CA80DF37-9A09-4D4C-A415-9671782230D2}" type="datetimeFigureOut">
              <a:rPr kumimoji="1" lang="ja-JP" altLang="en-US" smtClean="0"/>
              <a:t>2023/5/19</a:t>
            </a:fld>
            <a:endParaRPr kumimoji="1" lang="ja-JP" altLang="en-US"/>
          </a:p>
        </p:txBody>
      </p:sp>
      <p:sp>
        <p:nvSpPr>
          <p:cNvPr id="4" name="スライド イメージ プレースホルダー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1E5C8699-273E-4E9C-B5EA-7785870C065A}" type="slidenum">
              <a:rPr kumimoji="1" lang="ja-JP" altLang="en-US" smtClean="0"/>
              <a:t>‹#›</a:t>
            </a:fld>
            <a:endParaRPr kumimoji="1" lang="ja-JP" altLang="en-US"/>
          </a:p>
        </p:txBody>
      </p:sp>
    </p:spTree>
    <p:extLst>
      <p:ext uri="{BB962C8B-B14F-4D97-AF65-F5344CB8AC3E}">
        <p14:creationId xmlns:p14="http://schemas.microsoft.com/office/powerpoint/2010/main" val="2312037779"/>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0FA0D7FB-34D8-412F-80F8-B2B07250E8BF}" type="slidenum">
              <a:rPr kumimoji="1" lang="ja-JP" altLang="en-US" smtClean="0"/>
              <a:t>19</a:t>
            </a:fld>
            <a:endParaRPr kumimoji="1" lang="ja-JP" altLang="en-US"/>
          </a:p>
        </p:txBody>
      </p:sp>
    </p:spTree>
    <p:extLst>
      <p:ext uri="{BB962C8B-B14F-4D97-AF65-F5344CB8AC3E}">
        <p14:creationId xmlns:p14="http://schemas.microsoft.com/office/powerpoint/2010/main" val="257636177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type="obj">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D1FFCFE3-B854-4D79-AFD7-2C42F8D29053}" type="datetime1">
              <a:rPr lang="ja-JP" altLang="en-US" smtClean="0">
                <a:solidFill>
                  <a:prstClr val="black">
                    <a:tint val="75000"/>
                  </a:prstClr>
                </a:solidFill>
              </a:rPr>
              <a:pPr/>
              <a:t>2023/5/19</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a:xfrm>
            <a:off x="9347200" y="1"/>
            <a:ext cx="2844800" cy="365125"/>
          </a:xfrm>
        </p:spPr>
        <p:txBody>
          <a:bodyPr/>
          <a:lstStyle>
            <a:lvl1pPr>
              <a:defRPr sz="1800">
                <a:solidFill>
                  <a:schemeClr val="bg1"/>
                </a:solidFill>
                <a:latin typeface="Arial" panose="020B0604020202020204" pitchFamily="34" charset="0"/>
                <a:cs typeface="Arial" panose="020B0604020202020204" pitchFamily="34" charset="0"/>
              </a:defRPr>
            </a:lvl1pPr>
          </a:lstStyle>
          <a:p>
            <a:fld id="{6AE0E212-646F-48B8-B764-A8C1C7FF508D}" type="slidenum">
              <a:rPr lang="ja-JP" altLang="en-US" smtClean="0">
                <a:solidFill>
                  <a:prstClr val="white"/>
                </a:solidFill>
              </a:rPr>
              <a:pPr/>
              <a:t>‹#›</a:t>
            </a:fld>
            <a:endParaRPr lang="ja-JP" altLang="en-US">
              <a:solidFill>
                <a:prstClr val="white"/>
              </a:solidFill>
            </a:endParaRPr>
          </a:p>
        </p:txBody>
      </p:sp>
    </p:spTree>
    <p:extLst>
      <p:ext uri="{BB962C8B-B14F-4D97-AF65-F5344CB8AC3E}">
        <p14:creationId xmlns:p14="http://schemas.microsoft.com/office/powerpoint/2010/main" val="78187151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75A1E98E-49C1-4443-A0C2-B6B23D02547D}" type="datetime1">
              <a:rPr kumimoji="1" lang="ja-JP" altLang="en-US" smtClean="0"/>
              <a:t>2023/5/19</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166723401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29F0708-8B1A-4211-9921-4CAF22326716}" type="datetime1">
              <a:rPr kumimoji="1" lang="ja-JP" altLang="en-US" smtClean="0"/>
              <a:t>2023/5/19</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3027698827"/>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EAF923E8-6F34-44BA-BA6B-F13918573776}" type="datetime1">
              <a:rPr kumimoji="1" lang="ja-JP" altLang="en-US" smtClean="0"/>
              <a:t>2023/5/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851105471"/>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5183188" y="987425"/>
            <a:ext cx="617220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アイコンをクリックして図を追加</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CC49FFA9-AC0E-49AE-8D76-70A67465F9E9}" type="datetime1">
              <a:rPr kumimoji="1" lang="ja-JP" altLang="en-US" smtClean="0"/>
              <a:t>2023/5/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2426226712"/>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A571FD0F-ADFE-4FDB-91E2-FEFFF183E0E8}" type="datetime1">
              <a:rPr kumimoji="1" lang="ja-JP" altLang="en-US" smtClean="0"/>
              <a:t>2023/5/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1412533704"/>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758DB5F8-F3C6-49B9-A18F-6A72A8742605}" type="datetime1">
              <a:rPr kumimoji="1" lang="ja-JP" altLang="en-US" smtClean="0"/>
              <a:t>2023/5/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328455596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titleOnly">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75981A04-53C2-470A-AABE-544F1D61156B}" type="datetime1">
              <a:rPr lang="ja-JP" altLang="en-US" smtClean="0">
                <a:solidFill>
                  <a:prstClr val="black">
                    <a:tint val="75000"/>
                  </a:prstClr>
                </a:solidFill>
              </a:rPr>
              <a:pPr/>
              <a:t>2023/5/19</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a:xfrm>
            <a:off x="9347200" y="1"/>
            <a:ext cx="2844800" cy="365125"/>
          </a:xfrm>
        </p:spPr>
        <p:txBody>
          <a:bodyPr/>
          <a:lstStyle>
            <a:lvl1pPr>
              <a:defRPr sz="1600">
                <a:solidFill>
                  <a:schemeClr val="bg1"/>
                </a:solidFill>
                <a:latin typeface="Arial" panose="020B0604020202020204" pitchFamily="34" charset="0"/>
                <a:cs typeface="Arial" panose="020B0604020202020204" pitchFamily="34" charset="0"/>
              </a:defRPr>
            </a:lvl1pPr>
          </a:lstStyle>
          <a:p>
            <a:fld id="{6AE0E212-646F-48B8-B764-A8C1C7FF508D}" type="slidenum">
              <a:rPr lang="ja-JP" altLang="en-US" smtClean="0">
                <a:solidFill>
                  <a:prstClr val="white"/>
                </a:solidFill>
              </a:rPr>
              <a:pPr/>
              <a:t>‹#›</a:t>
            </a:fld>
            <a:endParaRPr lang="ja-JP" altLang="en-US" dirty="0">
              <a:solidFill>
                <a:prstClr val="white"/>
              </a:solidFill>
            </a:endParaRPr>
          </a:p>
        </p:txBody>
      </p:sp>
    </p:spTree>
    <p:extLst>
      <p:ext uri="{BB962C8B-B14F-4D97-AF65-F5344CB8AC3E}">
        <p14:creationId xmlns:p14="http://schemas.microsoft.com/office/powerpoint/2010/main" val="232402885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blank">
  <p:cSld name="白紙">
    <p:spTree>
      <p:nvGrpSpPr>
        <p:cNvPr id="1" name=""/>
        <p:cNvGrpSpPr/>
        <p:nvPr/>
      </p:nvGrpSpPr>
      <p:grpSpPr>
        <a:xfrm>
          <a:off x="0" y="0"/>
          <a:ext cx="0" cy="0"/>
          <a:chOff x="0" y="0"/>
          <a:chExt cx="0" cy="0"/>
        </a:xfrm>
      </p:grpSpPr>
      <p:sp>
        <p:nvSpPr>
          <p:cNvPr id="2" name="日付プレースホルダー 1">
            <a:extLst>
              <a:ext uri="{FF2B5EF4-FFF2-40B4-BE49-F238E27FC236}">
                <a16:creationId xmlns:a16="http://schemas.microsoft.com/office/drawing/2014/main" id="{BDA45B8A-13C4-4F34-8894-196B12BEA9C0}"/>
              </a:ext>
            </a:extLst>
          </p:cNvPr>
          <p:cNvSpPr>
            <a:spLocks noGrp="1"/>
          </p:cNvSpPr>
          <p:nvPr>
            <p:ph type="dt" sz="half" idx="10"/>
          </p:nvPr>
        </p:nvSpPr>
        <p:spPr/>
        <p:txBody>
          <a:bodyPr/>
          <a:lstStyle/>
          <a:p>
            <a:fld id="{94A7C7C5-B1AB-4378-AC9A-AF036CD2EA5B}" type="datetimeFigureOut">
              <a:rPr kumimoji="1" lang="ja-JP" altLang="en-US" smtClean="0"/>
              <a:t>2023/5/19</a:t>
            </a:fld>
            <a:endParaRPr kumimoji="1" lang="ja-JP" altLang="en-US"/>
          </a:p>
        </p:txBody>
      </p:sp>
      <p:sp>
        <p:nvSpPr>
          <p:cNvPr id="3" name="フッター プレースホルダー 2">
            <a:extLst>
              <a:ext uri="{FF2B5EF4-FFF2-40B4-BE49-F238E27FC236}">
                <a16:creationId xmlns:a16="http://schemas.microsoft.com/office/drawing/2014/main" id="{17F8D169-471F-4CCD-AB4B-CA25F69E35D3}"/>
              </a:ext>
            </a:extLst>
          </p:cNvPr>
          <p:cNvSpPr>
            <a:spLocks noGrp="1"/>
          </p:cNvSpPr>
          <p:nvPr>
            <p:ph type="ftr" sz="quarter" idx="11"/>
          </p:nvPr>
        </p:nvSpPr>
        <p:spPr/>
        <p:txBody>
          <a:bodyPr/>
          <a:lstStyle/>
          <a:p>
            <a:endParaRPr kumimoji="1" lang="ja-JP" altLang="en-US"/>
          </a:p>
        </p:txBody>
      </p:sp>
      <p:sp>
        <p:nvSpPr>
          <p:cNvPr id="4" name="スライド番号プレースホルダー 3">
            <a:extLst>
              <a:ext uri="{FF2B5EF4-FFF2-40B4-BE49-F238E27FC236}">
                <a16:creationId xmlns:a16="http://schemas.microsoft.com/office/drawing/2014/main" id="{CF45C373-FDAD-418E-A00D-068156FC61C9}"/>
              </a:ext>
            </a:extLst>
          </p:cNvPr>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140125807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cSld name="Blank">
    <p:spTree>
      <p:nvGrpSpPr>
        <p:cNvPr id="1" name=""/>
        <p:cNvGrpSpPr/>
        <p:nvPr/>
      </p:nvGrpSpPr>
      <p:grpSpPr>
        <a:xfrm>
          <a:off x="0" y="0"/>
          <a:ext cx="0" cy="0"/>
          <a:chOff x="0" y="0"/>
          <a:chExt cx="0" cy="0"/>
        </a:xfrm>
      </p:grpSpPr>
      <p:sp>
        <p:nvSpPr>
          <p:cNvPr id="2" name="Holder 2"/>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3" name="Holder 3"/>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5/19/2023</a:t>
            </a:fld>
            <a:endParaRPr lang="en-US"/>
          </a:p>
        </p:txBody>
      </p:sp>
      <p:sp>
        <p:nvSpPr>
          <p:cNvPr id="4" name="Holder 4"/>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228206899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1F85FF2A-8E53-4F41-8127-45D98A382F46}" type="datetime1">
              <a:rPr kumimoji="1" lang="ja-JP" altLang="en-US" smtClean="0"/>
              <a:t>2023/5/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391877812"/>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C0787090-0927-4446-BC43-1317A5CFC1AF}" type="datetime1">
              <a:rPr kumimoji="1" lang="ja-JP" altLang="en-US" smtClean="0"/>
              <a:t>2023/5/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126479074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673D6A2E-6AD3-4CFA-962B-EC4FF071E679}" type="datetime1">
              <a:rPr kumimoji="1" lang="ja-JP" altLang="en-US" smtClean="0"/>
              <a:t>2023/5/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422161266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838200" y="1825625"/>
            <a:ext cx="51816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6172200" y="1825625"/>
            <a:ext cx="51816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D7A2EC11-F609-4800-B172-3B0060CE7DDA}" type="datetime1">
              <a:rPr kumimoji="1" lang="ja-JP" altLang="en-US" smtClean="0"/>
              <a:t>2023/5/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34020579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839788" y="2505075"/>
            <a:ext cx="5157787"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6172200" y="2505075"/>
            <a:ext cx="5183188"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54AA90BC-8C28-43F8-9667-940C428F5C24}" type="datetime1">
              <a:rPr kumimoji="1" lang="ja-JP" altLang="en-US" smtClean="0"/>
              <a:t>2023/5/19</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3971868747"/>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5" Type="http://schemas.openxmlformats.org/officeDocument/2006/relationships/theme" Target="../theme/theme1.xml"/><Relationship Id="rId4" Type="http://schemas.openxmlformats.org/officeDocument/2006/relationships/slideLayout" Target="../slideLayouts/slideLayout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2.xml"/><Relationship Id="rId3" Type="http://schemas.openxmlformats.org/officeDocument/2006/relationships/slideLayout" Target="../slideLayouts/slideLayout7.xml"/><Relationship Id="rId7" Type="http://schemas.openxmlformats.org/officeDocument/2006/relationships/slideLayout" Target="../slideLayouts/slideLayout11.xml"/><Relationship Id="rId12" Type="http://schemas.openxmlformats.org/officeDocument/2006/relationships/theme" Target="../theme/theme2.xml"/><Relationship Id="rId2" Type="http://schemas.openxmlformats.org/officeDocument/2006/relationships/slideLayout" Target="../slideLayouts/slideLayout6.xml"/><Relationship Id="rId1" Type="http://schemas.openxmlformats.org/officeDocument/2006/relationships/slideLayout" Target="../slideLayouts/slideLayout5.xml"/><Relationship Id="rId6" Type="http://schemas.openxmlformats.org/officeDocument/2006/relationships/slideLayout" Target="../slideLayouts/slideLayout10.xml"/><Relationship Id="rId11" Type="http://schemas.openxmlformats.org/officeDocument/2006/relationships/slideLayout" Target="../slideLayouts/slideLayout15.xml"/><Relationship Id="rId5" Type="http://schemas.openxmlformats.org/officeDocument/2006/relationships/slideLayout" Target="../slideLayouts/slideLayout9.xml"/><Relationship Id="rId10" Type="http://schemas.openxmlformats.org/officeDocument/2006/relationships/slideLayout" Target="../slideLayouts/slideLayout14.xml"/><Relationship Id="rId4" Type="http://schemas.openxmlformats.org/officeDocument/2006/relationships/slideLayout" Target="../slideLayouts/slideLayout8.xml"/><Relationship Id="rId9" Type="http://schemas.openxmlformats.org/officeDocument/2006/relationships/slideLayout" Target="../slideLayouts/slideLayout1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609600" y="274638"/>
            <a:ext cx="10972800" cy="1143000"/>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609600" y="1600201"/>
            <a:ext cx="10972800" cy="4525963"/>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609600" y="6356351"/>
            <a:ext cx="28448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A35D01D-F199-419D-9368-80EC92CF5907}" type="datetime1">
              <a:rPr kumimoji="1" lang="ja-JP" altLang="en-US" smtClean="0"/>
              <a:t>2023/5/19</a:t>
            </a:fld>
            <a:endParaRPr kumimoji="1" lang="ja-JP" altLang="en-US"/>
          </a:p>
        </p:txBody>
      </p:sp>
      <p:sp>
        <p:nvSpPr>
          <p:cNvPr id="5" name="フッター プレースホルダー 4"/>
          <p:cNvSpPr>
            <a:spLocks noGrp="1"/>
          </p:cNvSpPr>
          <p:nvPr>
            <p:ph type="ftr" sz="quarter" idx="3"/>
          </p:nvPr>
        </p:nvSpPr>
        <p:spPr>
          <a:xfrm>
            <a:off x="4165600" y="6356351"/>
            <a:ext cx="3860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9343273" y="-3709"/>
            <a:ext cx="2844800" cy="365125"/>
          </a:xfrm>
          <a:prstGeom prst="rect">
            <a:avLst/>
          </a:prstGeom>
        </p:spPr>
        <p:txBody>
          <a:bodyPr vert="horz" lIns="91440" tIns="45720" rIns="91440" bIns="45720" rtlCol="0" anchor="ctr"/>
          <a:lstStyle>
            <a:lvl1pPr algn="r">
              <a:defRPr sz="1800">
                <a:solidFill>
                  <a:schemeClr val="bg1"/>
                </a:solidFill>
                <a:latin typeface="Arial" panose="020B0604020202020204" pitchFamily="34" charset="0"/>
                <a:cs typeface="Arial" panose="020B0604020202020204" pitchFamily="34" charset="0"/>
              </a:defRPr>
            </a:lvl1pPr>
          </a:lstStyle>
          <a:p>
            <a:fld id="{6AE0E212-646F-48B8-B764-A8C1C7FF508D}" type="slidenum">
              <a:rPr lang="ja-JP" altLang="en-US" smtClean="0"/>
              <a:pPr/>
              <a:t>‹#›</a:t>
            </a:fld>
            <a:endParaRPr lang="ja-JP" altLang="en-US" dirty="0"/>
          </a:p>
        </p:txBody>
      </p:sp>
    </p:spTree>
    <p:extLst>
      <p:ext uri="{BB962C8B-B14F-4D97-AF65-F5344CB8AC3E}">
        <p14:creationId xmlns:p14="http://schemas.microsoft.com/office/powerpoint/2010/main" val="459594392"/>
      </p:ext>
    </p:extLst>
  </p:cSld>
  <p:clrMap bg1="lt1" tx1="dk1" bg2="lt2" tx2="dk2" accent1="accent1" accent2="accent2" accent3="accent3" accent4="accent4" accent5="accent5" accent6="accent6" hlink="hlink" folHlink="folHlink"/>
  <p:sldLayoutIdLst>
    <p:sldLayoutId id="2147483662" r:id="rId1"/>
    <p:sldLayoutId id="2147483663" r:id="rId2"/>
    <p:sldLayoutId id="2147483664" r:id="rId3"/>
    <p:sldLayoutId id="2147483665" r:id="rId4"/>
  </p:sldLayoutIdLst>
  <p:hf sldNum="0"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E08ECBA-C932-4754-8DB1-5E75E5352340}" type="datetime1">
              <a:rPr kumimoji="1" lang="ja-JP" altLang="en-US" smtClean="0"/>
              <a:t>2023/5/19</a:t>
            </a:fld>
            <a:endParaRPr kumimoji="1" lang="ja-JP" altLang="en-US"/>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8CBE0B6B-AA1C-4A08-8C69-36F95E8FD104}" type="slidenum">
              <a:rPr kumimoji="1" lang="ja-JP" altLang="en-US" smtClean="0"/>
              <a:t>‹#›</a:t>
            </a:fld>
            <a:endParaRPr kumimoji="1" lang="ja-JP" altLang="en-US"/>
          </a:p>
        </p:txBody>
      </p:sp>
    </p:spTree>
    <p:extLst>
      <p:ext uri="{BB962C8B-B14F-4D97-AF65-F5344CB8AC3E}">
        <p14:creationId xmlns:p14="http://schemas.microsoft.com/office/powerpoint/2010/main" val="2866936451"/>
      </p:ext>
    </p:extLst>
  </p:cSld>
  <p:clrMap bg1="lt1" tx1="dk1" bg2="lt2" tx2="dk2" accent1="accent1" accent2="accent2" accent3="accent3" accent4="accent4" accent5="accent5" accent6="accent6" hlink="hlink" folHlink="folHlink"/>
  <p:sldLayoutIdLst>
    <p:sldLayoutId id="2147483667" r:id="rId1"/>
    <p:sldLayoutId id="2147483668" r:id="rId2"/>
    <p:sldLayoutId id="2147483669" r:id="rId3"/>
    <p:sldLayoutId id="2147483670" r:id="rId4"/>
    <p:sldLayoutId id="2147483671" r:id="rId5"/>
    <p:sldLayoutId id="2147483672" r:id="rId6"/>
    <p:sldLayoutId id="2147483673" r:id="rId7"/>
    <p:sldLayoutId id="2147483674" r:id="rId8"/>
    <p:sldLayoutId id="2147483675" r:id="rId9"/>
    <p:sldLayoutId id="2147483676" r:id="rId10"/>
    <p:sldLayoutId id="2147483677"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5.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3.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3.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3.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5.xml.rels><?xml version="1.0" encoding="UTF-8" standalone="yes"?>
<Relationships xmlns="http://schemas.openxmlformats.org/package/2006/relationships"><Relationship Id="rId2" Type="http://schemas.openxmlformats.org/officeDocument/2006/relationships/image" Target="../media/image7.emf"/><Relationship Id="rId1" Type="http://schemas.openxmlformats.org/officeDocument/2006/relationships/slideLayout" Target="../slideLayouts/slideLayout4.xml"/></Relationships>
</file>

<file path=ppt/slides/_rels/slide2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3.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3.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3.png"/><Relationship Id="rId1" Type="http://schemas.openxmlformats.org/officeDocument/2006/relationships/slideLayout" Target="../slideLayouts/slideLayout1.xml"/><Relationship Id="rId4" Type="http://schemas.openxmlformats.org/officeDocument/2006/relationships/image" Target="../media/image4.png"/></Relationships>
</file>

<file path=ppt/slides/_rels/slide30.xml.rels><?xml version="1.0" encoding="UTF-8" standalone="yes"?>
<Relationships xmlns="http://schemas.openxmlformats.org/package/2006/relationships"><Relationship Id="rId3" Type="http://schemas.openxmlformats.org/officeDocument/2006/relationships/diagramLayout" Target="../diagrams/layout2.xml"/><Relationship Id="rId2" Type="http://schemas.openxmlformats.org/officeDocument/2006/relationships/diagramData" Target="../diagrams/data2.xml"/><Relationship Id="rId1" Type="http://schemas.openxmlformats.org/officeDocument/2006/relationships/slideLayout" Target="../slideLayouts/slideLayout1.xml"/><Relationship Id="rId6" Type="http://schemas.microsoft.com/office/2007/relationships/diagramDrawing" Target="../diagrams/drawing2.xml"/><Relationship Id="rId5" Type="http://schemas.openxmlformats.org/officeDocument/2006/relationships/diagramColors" Target="../diagrams/colors2.xml"/><Relationship Id="rId4" Type="http://schemas.openxmlformats.org/officeDocument/2006/relationships/diagramQuickStyle" Target="../diagrams/quickStyle2.xml"/></Relationships>
</file>

<file path=ppt/slides/_rels/slide31.xml.rels><?xml version="1.0" encoding="UTF-8" standalone="yes"?>
<Relationships xmlns="http://schemas.openxmlformats.org/package/2006/relationships"><Relationship Id="rId3" Type="http://schemas.openxmlformats.org/officeDocument/2006/relationships/diagramLayout" Target="../diagrams/layout3.xml"/><Relationship Id="rId2" Type="http://schemas.openxmlformats.org/officeDocument/2006/relationships/diagramData" Target="../diagrams/data3.xml"/><Relationship Id="rId1" Type="http://schemas.openxmlformats.org/officeDocument/2006/relationships/slideLayout" Target="../slideLayouts/slideLayout1.xml"/><Relationship Id="rId6" Type="http://schemas.microsoft.com/office/2007/relationships/diagramDrawing" Target="../diagrams/drawing3.xml"/><Relationship Id="rId5" Type="http://schemas.openxmlformats.org/officeDocument/2006/relationships/diagramColors" Target="../diagrams/colors3.xml"/><Relationship Id="rId4" Type="http://schemas.openxmlformats.org/officeDocument/2006/relationships/diagramQuickStyle" Target="../diagrams/quickStyle3.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xml"/><Relationship Id="rId6" Type="http://schemas.openxmlformats.org/officeDocument/2006/relationships/image" Target="../media/image13.png"/><Relationship Id="rId5" Type="http://schemas.openxmlformats.org/officeDocument/2006/relationships/image" Target="../media/image12.png"/><Relationship Id="rId4" Type="http://schemas.openxmlformats.org/officeDocument/2006/relationships/image" Target="../media/image11.pn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8" Type="http://schemas.openxmlformats.org/officeDocument/2006/relationships/image" Target="../media/image20.png"/><Relationship Id="rId3" Type="http://schemas.openxmlformats.org/officeDocument/2006/relationships/image" Target="../media/image15.png"/><Relationship Id="rId7" Type="http://schemas.openxmlformats.org/officeDocument/2006/relationships/image" Target="../media/image19.png"/><Relationship Id="rId2" Type="http://schemas.openxmlformats.org/officeDocument/2006/relationships/image" Target="../media/image14.png"/><Relationship Id="rId1" Type="http://schemas.openxmlformats.org/officeDocument/2006/relationships/slideLayout" Target="../slideLayouts/slideLayout1.xml"/><Relationship Id="rId6" Type="http://schemas.openxmlformats.org/officeDocument/2006/relationships/image" Target="../media/image18.png"/><Relationship Id="rId11" Type="http://schemas.openxmlformats.org/officeDocument/2006/relationships/image" Target="../media/image23.png"/><Relationship Id="rId5" Type="http://schemas.openxmlformats.org/officeDocument/2006/relationships/image" Target="../media/image17.png"/><Relationship Id="rId10" Type="http://schemas.openxmlformats.org/officeDocument/2006/relationships/image" Target="../media/image22.png"/><Relationship Id="rId4" Type="http://schemas.openxmlformats.org/officeDocument/2006/relationships/image" Target="../media/image16.png"/><Relationship Id="rId9" Type="http://schemas.openxmlformats.org/officeDocument/2006/relationships/image" Target="../media/image21.png"/></Relationships>
</file>

<file path=ppt/slides/_rels/slide37.xml.rels><?xml version="1.0" encoding="UTF-8" standalone="yes"?>
<Relationships xmlns="http://schemas.openxmlformats.org/package/2006/relationships"><Relationship Id="rId8" Type="http://schemas.openxmlformats.org/officeDocument/2006/relationships/image" Target="../media/image29.jpg"/><Relationship Id="rId3" Type="http://schemas.openxmlformats.org/officeDocument/2006/relationships/image" Target="../media/image25.png"/><Relationship Id="rId7" Type="http://schemas.openxmlformats.org/officeDocument/2006/relationships/image" Target="../media/image28.jpg"/><Relationship Id="rId2" Type="http://schemas.openxmlformats.org/officeDocument/2006/relationships/image" Target="../media/image24.png"/><Relationship Id="rId1" Type="http://schemas.openxmlformats.org/officeDocument/2006/relationships/slideLayout" Target="../slideLayouts/slideLayout1.xml"/><Relationship Id="rId6" Type="http://schemas.openxmlformats.org/officeDocument/2006/relationships/image" Target="../media/image27.jpg"/><Relationship Id="rId5" Type="http://schemas.openxmlformats.org/officeDocument/2006/relationships/image" Target="../media/image26.png"/><Relationship Id="rId4" Type="http://schemas.openxmlformats.org/officeDocument/2006/relationships/image" Target="../media/image19.png"/><Relationship Id="rId9" Type="http://schemas.openxmlformats.org/officeDocument/2006/relationships/image" Target="../media/image30.jpg"/></Relationships>
</file>

<file path=ppt/slides/_rels/slide38.xml.rels><?xml version="1.0" encoding="UTF-8" standalone="yes"?>
<Relationships xmlns="http://schemas.openxmlformats.org/package/2006/relationships"><Relationship Id="rId8" Type="http://schemas.openxmlformats.org/officeDocument/2006/relationships/image" Target="../media/image37.png"/><Relationship Id="rId13" Type="http://schemas.openxmlformats.org/officeDocument/2006/relationships/image" Target="../media/image42.png"/><Relationship Id="rId18" Type="http://schemas.openxmlformats.org/officeDocument/2006/relationships/image" Target="../media/image47.jpg"/><Relationship Id="rId26" Type="http://schemas.openxmlformats.org/officeDocument/2006/relationships/image" Target="../media/image55.png"/><Relationship Id="rId3" Type="http://schemas.openxmlformats.org/officeDocument/2006/relationships/image" Target="../media/image32.jpg"/><Relationship Id="rId21" Type="http://schemas.openxmlformats.org/officeDocument/2006/relationships/image" Target="../media/image50.png"/><Relationship Id="rId7" Type="http://schemas.openxmlformats.org/officeDocument/2006/relationships/image" Target="../media/image36.png"/><Relationship Id="rId12" Type="http://schemas.openxmlformats.org/officeDocument/2006/relationships/image" Target="../media/image41.png"/><Relationship Id="rId17" Type="http://schemas.openxmlformats.org/officeDocument/2006/relationships/image" Target="../media/image46.png"/><Relationship Id="rId25" Type="http://schemas.openxmlformats.org/officeDocument/2006/relationships/image" Target="../media/image54.png"/><Relationship Id="rId2" Type="http://schemas.openxmlformats.org/officeDocument/2006/relationships/image" Target="../media/image31.png"/><Relationship Id="rId16" Type="http://schemas.openxmlformats.org/officeDocument/2006/relationships/image" Target="../media/image45.png"/><Relationship Id="rId20" Type="http://schemas.openxmlformats.org/officeDocument/2006/relationships/image" Target="../media/image49.png"/><Relationship Id="rId29" Type="http://schemas.openxmlformats.org/officeDocument/2006/relationships/image" Target="../media/image58.png"/><Relationship Id="rId1" Type="http://schemas.openxmlformats.org/officeDocument/2006/relationships/slideLayout" Target="../slideLayouts/slideLayout4.xml"/><Relationship Id="rId6" Type="http://schemas.openxmlformats.org/officeDocument/2006/relationships/image" Target="../media/image35.png"/><Relationship Id="rId11" Type="http://schemas.openxmlformats.org/officeDocument/2006/relationships/image" Target="../media/image40.png"/><Relationship Id="rId24" Type="http://schemas.openxmlformats.org/officeDocument/2006/relationships/image" Target="../media/image53.png"/><Relationship Id="rId5" Type="http://schemas.openxmlformats.org/officeDocument/2006/relationships/image" Target="../media/image34.png"/><Relationship Id="rId15" Type="http://schemas.openxmlformats.org/officeDocument/2006/relationships/image" Target="../media/image44.png"/><Relationship Id="rId23" Type="http://schemas.openxmlformats.org/officeDocument/2006/relationships/image" Target="../media/image52.png"/><Relationship Id="rId28" Type="http://schemas.openxmlformats.org/officeDocument/2006/relationships/image" Target="../media/image57.png"/><Relationship Id="rId10" Type="http://schemas.openxmlformats.org/officeDocument/2006/relationships/image" Target="../media/image39.png"/><Relationship Id="rId19" Type="http://schemas.openxmlformats.org/officeDocument/2006/relationships/image" Target="../media/image48.png"/><Relationship Id="rId4" Type="http://schemas.openxmlformats.org/officeDocument/2006/relationships/image" Target="../media/image33.png"/><Relationship Id="rId9" Type="http://schemas.openxmlformats.org/officeDocument/2006/relationships/image" Target="../media/image38.png"/><Relationship Id="rId14" Type="http://schemas.openxmlformats.org/officeDocument/2006/relationships/image" Target="../media/image43.png"/><Relationship Id="rId22" Type="http://schemas.openxmlformats.org/officeDocument/2006/relationships/image" Target="../media/image51.png"/><Relationship Id="rId27" Type="http://schemas.openxmlformats.org/officeDocument/2006/relationships/image" Target="../media/image56.png"/><Relationship Id="rId30" Type="http://schemas.openxmlformats.org/officeDocument/2006/relationships/image" Target="../media/image59.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3.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2.xml.rels><?xml version="1.0" encoding="UTF-8" standalone="yes"?>
<Relationships xmlns="http://schemas.openxmlformats.org/package/2006/relationships"><Relationship Id="rId3" Type="http://schemas.openxmlformats.org/officeDocument/2006/relationships/image" Target="../media/image61.jpeg"/><Relationship Id="rId2" Type="http://schemas.openxmlformats.org/officeDocument/2006/relationships/image" Target="../media/image60.jpeg"/><Relationship Id="rId1" Type="http://schemas.openxmlformats.org/officeDocument/2006/relationships/slideLayout" Target="../slideLayouts/slideLayout1.xml"/><Relationship Id="rId4" Type="http://schemas.openxmlformats.org/officeDocument/2006/relationships/image" Target="../media/image62.png"/></Relationships>
</file>

<file path=ppt/slides/_rels/slide43.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3.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xml.rels><?xml version="1.0" encoding="UTF-8" standalone="yes"?>
<Relationships xmlns="http://schemas.openxmlformats.org/package/2006/relationships"><Relationship Id="rId2" Type="http://schemas.openxmlformats.org/officeDocument/2006/relationships/image" Target="../media/image5.wmf"/><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19BA35EC-13DB-9A99-14F6-4BA822CE96F6}"/>
              </a:ext>
            </a:extLst>
          </p:cNvPr>
          <p:cNvPicPr>
            <a:picLocks noChangeAspect="1"/>
          </p:cNvPicPr>
          <p:nvPr/>
        </p:nvPicPr>
        <p:blipFill rotWithShape="1">
          <a:blip r:embed="rId2"/>
          <a:srcRect t="26286" r="8" b="8425"/>
          <a:stretch/>
        </p:blipFill>
        <p:spPr>
          <a:xfrm>
            <a:off x="1690046" y="386205"/>
            <a:ext cx="8903441" cy="3766876"/>
          </a:xfrm>
          <a:custGeom>
            <a:avLst/>
            <a:gdLst/>
            <a:ahLst/>
            <a:cxnLst/>
            <a:rect l="l" t="t" r="r" b="b"/>
            <a:pathLst>
              <a:path w="8903441" h="3766876">
                <a:moveTo>
                  <a:pt x="8890380" y="1667288"/>
                </a:moveTo>
                <a:lnTo>
                  <a:pt x="8895460" y="1677046"/>
                </a:lnTo>
                <a:cubicBezTo>
                  <a:pt x="8905866" y="1703466"/>
                  <a:pt x="8906717" y="1724063"/>
                  <a:pt x="8894323" y="1729738"/>
                </a:cubicBezTo>
                <a:lnTo>
                  <a:pt x="8891365" y="1729349"/>
                </a:lnTo>
                <a:lnTo>
                  <a:pt x="8891421" y="1712412"/>
                </a:lnTo>
                <a:cubicBezTo>
                  <a:pt x="8891337" y="1700170"/>
                  <a:pt x="8891138" y="1688653"/>
                  <a:pt x="8890856" y="1678595"/>
                </a:cubicBezTo>
                <a:close/>
                <a:moveTo>
                  <a:pt x="8888451" y="1641624"/>
                </a:moveTo>
                <a:cubicBezTo>
                  <a:pt x="8888927" y="1642911"/>
                  <a:pt x="8889388" y="1647125"/>
                  <a:pt x="8889800" y="1653531"/>
                </a:cubicBezTo>
                <a:lnTo>
                  <a:pt x="8890380" y="1667288"/>
                </a:lnTo>
                <a:lnTo>
                  <a:pt x="8884645" y="1656272"/>
                </a:lnTo>
                <a:lnTo>
                  <a:pt x="8886368" y="1643902"/>
                </a:lnTo>
                <a:cubicBezTo>
                  <a:pt x="8887058" y="1640758"/>
                  <a:pt x="8887743" y="1639762"/>
                  <a:pt x="8888451" y="1641624"/>
                </a:cubicBezTo>
                <a:close/>
                <a:moveTo>
                  <a:pt x="999724" y="1241031"/>
                </a:moveTo>
                <a:cubicBezTo>
                  <a:pt x="998379" y="1242269"/>
                  <a:pt x="996554" y="1243547"/>
                  <a:pt x="995210" y="1244785"/>
                </a:cubicBezTo>
                <a:cubicBezTo>
                  <a:pt x="1005261" y="1248940"/>
                  <a:pt x="1015746" y="1252497"/>
                  <a:pt x="1025774" y="1256374"/>
                </a:cubicBezTo>
                <a:cubicBezTo>
                  <a:pt x="1037480" y="1257305"/>
                  <a:pt x="1049668" y="1258195"/>
                  <a:pt x="1060894" y="1259168"/>
                </a:cubicBezTo>
                <a:cubicBezTo>
                  <a:pt x="1040504" y="1253123"/>
                  <a:pt x="1020115" y="1247076"/>
                  <a:pt x="999724" y="1241031"/>
                </a:cubicBezTo>
                <a:close/>
                <a:moveTo>
                  <a:pt x="1319296" y="820371"/>
                </a:moveTo>
                <a:cubicBezTo>
                  <a:pt x="1421680" y="872109"/>
                  <a:pt x="1548101" y="905226"/>
                  <a:pt x="1681342" y="933268"/>
                </a:cubicBezTo>
                <a:cubicBezTo>
                  <a:pt x="1683167" y="931988"/>
                  <a:pt x="1684512" y="930751"/>
                  <a:pt x="1686338" y="929471"/>
                </a:cubicBezTo>
                <a:cubicBezTo>
                  <a:pt x="1563998" y="893197"/>
                  <a:pt x="1441635" y="856646"/>
                  <a:pt x="1319296" y="820371"/>
                </a:cubicBezTo>
                <a:close/>
                <a:moveTo>
                  <a:pt x="7894848" y="858"/>
                </a:moveTo>
                <a:cubicBezTo>
                  <a:pt x="7906700" y="3455"/>
                  <a:pt x="7910528" y="8436"/>
                  <a:pt x="7907341" y="16271"/>
                </a:cubicBezTo>
                <a:cubicBezTo>
                  <a:pt x="7902882" y="26177"/>
                  <a:pt x="7893520" y="35394"/>
                  <a:pt x="7882642" y="43904"/>
                </a:cubicBezTo>
                <a:cubicBezTo>
                  <a:pt x="7831903" y="83897"/>
                  <a:pt x="7856047" y="94090"/>
                  <a:pt x="7927648" y="93123"/>
                </a:cubicBezTo>
                <a:cubicBezTo>
                  <a:pt x="7991511" y="92274"/>
                  <a:pt x="8055318" y="85274"/>
                  <a:pt x="8119655" y="78787"/>
                </a:cubicBezTo>
                <a:cubicBezTo>
                  <a:pt x="8151329" y="75447"/>
                  <a:pt x="8152942" y="77265"/>
                  <a:pt x="8141786" y="93635"/>
                </a:cubicBezTo>
                <a:cubicBezTo>
                  <a:pt x="8123815" y="120677"/>
                  <a:pt x="8122595" y="145410"/>
                  <a:pt x="8151055" y="166138"/>
                </a:cubicBezTo>
                <a:cubicBezTo>
                  <a:pt x="8157767" y="170866"/>
                  <a:pt x="8162605" y="176318"/>
                  <a:pt x="8160811" y="183471"/>
                </a:cubicBezTo>
                <a:cubicBezTo>
                  <a:pt x="8152723" y="212724"/>
                  <a:pt x="8169841" y="236686"/>
                  <a:pt x="8187466" y="260884"/>
                </a:cubicBezTo>
                <a:cubicBezTo>
                  <a:pt x="8217175" y="301371"/>
                  <a:pt x="8254836" y="338641"/>
                  <a:pt x="8295790" y="374783"/>
                </a:cubicBezTo>
                <a:cubicBezTo>
                  <a:pt x="8324664" y="400232"/>
                  <a:pt x="8342922" y="431650"/>
                  <a:pt x="8406170" y="440370"/>
                </a:cubicBezTo>
                <a:cubicBezTo>
                  <a:pt x="8421364" y="442394"/>
                  <a:pt x="8426373" y="449790"/>
                  <a:pt x="8420903" y="459225"/>
                </a:cubicBezTo>
                <a:cubicBezTo>
                  <a:pt x="8402820" y="490474"/>
                  <a:pt x="8417534" y="514648"/>
                  <a:pt x="8450800" y="534955"/>
                </a:cubicBezTo>
                <a:cubicBezTo>
                  <a:pt x="8462563" y="542037"/>
                  <a:pt x="8458146" y="546902"/>
                  <a:pt x="8442097" y="551669"/>
                </a:cubicBezTo>
                <a:cubicBezTo>
                  <a:pt x="8423667" y="556925"/>
                  <a:pt x="8409328" y="564619"/>
                  <a:pt x="8398067" y="574282"/>
                </a:cubicBezTo>
                <a:cubicBezTo>
                  <a:pt x="8379577" y="589897"/>
                  <a:pt x="8370872" y="606612"/>
                  <a:pt x="8363634" y="623477"/>
                </a:cubicBezTo>
                <a:cubicBezTo>
                  <a:pt x="8352394" y="649929"/>
                  <a:pt x="8339133" y="675439"/>
                  <a:pt x="8295388" y="695789"/>
                </a:cubicBezTo>
                <a:cubicBezTo>
                  <a:pt x="8282368" y="701969"/>
                  <a:pt x="8271923" y="709882"/>
                  <a:pt x="8260972" y="717559"/>
                </a:cubicBezTo>
                <a:cubicBezTo>
                  <a:pt x="8264466" y="724248"/>
                  <a:pt x="8273101" y="728807"/>
                  <a:pt x="8289132" y="729358"/>
                </a:cubicBezTo>
                <a:cubicBezTo>
                  <a:pt x="8391169" y="732995"/>
                  <a:pt x="8386647" y="769770"/>
                  <a:pt x="8387346" y="810845"/>
                </a:cubicBezTo>
                <a:cubicBezTo>
                  <a:pt x="8388418" y="861681"/>
                  <a:pt x="8330862" y="890238"/>
                  <a:pt x="8259532" y="916368"/>
                </a:cubicBezTo>
                <a:cubicBezTo>
                  <a:pt x="8235122" y="925226"/>
                  <a:pt x="8199529" y="928071"/>
                  <a:pt x="8191769" y="950020"/>
                </a:cubicBezTo>
                <a:cubicBezTo>
                  <a:pt x="8234379" y="966427"/>
                  <a:pt x="8282955" y="945934"/>
                  <a:pt x="8327664" y="947606"/>
                </a:cubicBezTo>
                <a:cubicBezTo>
                  <a:pt x="8364609" y="949119"/>
                  <a:pt x="8424473" y="941347"/>
                  <a:pt x="8378206" y="982626"/>
                </a:cubicBezTo>
                <a:cubicBezTo>
                  <a:pt x="8364736" y="994722"/>
                  <a:pt x="8382242" y="1001021"/>
                  <a:pt x="8400605" y="1000529"/>
                </a:cubicBezTo>
                <a:cubicBezTo>
                  <a:pt x="8549357" y="995586"/>
                  <a:pt x="8487684" y="1076555"/>
                  <a:pt x="8538706" y="1111533"/>
                </a:cubicBezTo>
                <a:cubicBezTo>
                  <a:pt x="8553092" y="1120905"/>
                  <a:pt x="8540810" y="1141011"/>
                  <a:pt x="8520556" y="1147547"/>
                </a:cubicBezTo>
                <a:cubicBezTo>
                  <a:pt x="8392015" y="1189611"/>
                  <a:pt x="8380569" y="1263373"/>
                  <a:pt x="8322605" y="1331423"/>
                </a:cubicBezTo>
                <a:cubicBezTo>
                  <a:pt x="8393509" y="1350105"/>
                  <a:pt x="8476647" y="1348124"/>
                  <a:pt x="8552563" y="1357692"/>
                </a:cubicBezTo>
                <a:cubicBezTo>
                  <a:pt x="8631413" y="1367560"/>
                  <a:pt x="8632510" y="1380057"/>
                  <a:pt x="8572872" y="1434543"/>
                </a:cubicBezTo>
                <a:cubicBezTo>
                  <a:pt x="8740108" y="1430496"/>
                  <a:pt x="8740108" y="1430496"/>
                  <a:pt x="8695911" y="1511890"/>
                </a:cubicBezTo>
                <a:cubicBezTo>
                  <a:pt x="8766152" y="1509223"/>
                  <a:pt x="8835070" y="1574251"/>
                  <a:pt x="8873147" y="1634187"/>
                </a:cubicBezTo>
                <a:lnTo>
                  <a:pt x="8884645" y="1656272"/>
                </a:lnTo>
                <a:lnTo>
                  <a:pt x="8884254" y="1659075"/>
                </a:lnTo>
                <a:cubicBezTo>
                  <a:pt x="8882795" y="1672543"/>
                  <a:pt x="8881198" y="1691773"/>
                  <a:pt x="8879232" y="1711097"/>
                </a:cubicBezTo>
                <a:lnTo>
                  <a:pt x="8877347" y="1727504"/>
                </a:lnTo>
                <a:lnTo>
                  <a:pt x="8865337" y="1725923"/>
                </a:lnTo>
                <a:cubicBezTo>
                  <a:pt x="8855639" y="1721668"/>
                  <a:pt x="8848716" y="1720054"/>
                  <a:pt x="8843722" y="1720152"/>
                </a:cubicBezTo>
                <a:cubicBezTo>
                  <a:pt x="8828739" y="1720444"/>
                  <a:pt x="8831115" y="1736133"/>
                  <a:pt x="8828004" y="1742073"/>
                </a:cubicBezTo>
                <a:cubicBezTo>
                  <a:pt x="8817547" y="1760900"/>
                  <a:pt x="8843589" y="1770647"/>
                  <a:pt x="8861127" y="1782820"/>
                </a:cubicBezTo>
                <a:cubicBezTo>
                  <a:pt x="8867694" y="1787281"/>
                  <a:pt x="8872382" y="1766445"/>
                  <a:pt x="8875975" y="1739445"/>
                </a:cubicBezTo>
                <a:lnTo>
                  <a:pt x="8877347" y="1727504"/>
                </a:lnTo>
                <a:lnTo>
                  <a:pt x="8891365" y="1729349"/>
                </a:lnTo>
                <a:lnTo>
                  <a:pt x="8891294" y="1750579"/>
                </a:lnTo>
                <a:cubicBezTo>
                  <a:pt x="8890576" y="1802412"/>
                  <a:pt x="8887485" y="1854103"/>
                  <a:pt x="8879895" y="1858687"/>
                </a:cubicBezTo>
                <a:cubicBezTo>
                  <a:pt x="8799411" y="1907447"/>
                  <a:pt x="8858072" y="1996322"/>
                  <a:pt x="8700018" y="2022228"/>
                </a:cubicBezTo>
                <a:cubicBezTo>
                  <a:pt x="8628887" y="2034069"/>
                  <a:pt x="8597252" y="2070985"/>
                  <a:pt x="8546517" y="2094468"/>
                </a:cubicBezTo>
                <a:cubicBezTo>
                  <a:pt x="8369592" y="2175758"/>
                  <a:pt x="8254890" y="2270617"/>
                  <a:pt x="8208310" y="2391116"/>
                </a:cubicBezTo>
                <a:cubicBezTo>
                  <a:pt x="8195251" y="2424444"/>
                  <a:pt x="8137916" y="2455501"/>
                  <a:pt x="8101924" y="2486924"/>
                </a:cubicBezTo>
                <a:cubicBezTo>
                  <a:pt x="8122498" y="2506105"/>
                  <a:pt x="8219539" y="2452814"/>
                  <a:pt x="8188722" y="2510086"/>
                </a:cubicBezTo>
                <a:cubicBezTo>
                  <a:pt x="8165388" y="2553270"/>
                  <a:pt x="8098391" y="2584616"/>
                  <a:pt x="8035596" y="2614194"/>
                </a:cubicBezTo>
                <a:cubicBezTo>
                  <a:pt x="7963481" y="2647947"/>
                  <a:pt x="7883214" y="2677100"/>
                  <a:pt x="7854509" y="2730830"/>
                </a:cubicBezTo>
                <a:cubicBezTo>
                  <a:pt x="7848249" y="2742293"/>
                  <a:pt x="6341566" y="3671513"/>
                  <a:pt x="4141410" y="3763614"/>
                </a:cubicBezTo>
                <a:cubicBezTo>
                  <a:pt x="3781875" y="3778662"/>
                  <a:pt x="2353277" y="3737838"/>
                  <a:pt x="2161737" y="3718831"/>
                </a:cubicBezTo>
                <a:cubicBezTo>
                  <a:pt x="1964811" y="3699179"/>
                  <a:pt x="1793107" y="3646810"/>
                  <a:pt x="1591600" y="3635674"/>
                </a:cubicBezTo>
                <a:cubicBezTo>
                  <a:pt x="1485018" y="3629919"/>
                  <a:pt x="1381185" y="3611329"/>
                  <a:pt x="1390654" y="3531585"/>
                </a:cubicBezTo>
                <a:cubicBezTo>
                  <a:pt x="1393510" y="3508948"/>
                  <a:pt x="1364047" y="3493344"/>
                  <a:pt x="1320867" y="3503571"/>
                </a:cubicBezTo>
                <a:cubicBezTo>
                  <a:pt x="1239265" y="3523046"/>
                  <a:pt x="1198946" y="3494124"/>
                  <a:pt x="1150681" y="3474015"/>
                </a:cubicBezTo>
                <a:cubicBezTo>
                  <a:pt x="1065213" y="3438422"/>
                  <a:pt x="982868" y="3399757"/>
                  <a:pt x="851974" y="3403971"/>
                </a:cubicBezTo>
                <a:cubicBezTo>
                  <a:pt x="873994" y="3367898"/>
                  <a:pt x="917237" y="3369420"/>
                  <a:pt x="956780" y="3372944"/>
                </a:cubicBezTo>
                <a:cubicBezTo>
                  <a:pt x="1061276" y="3382521"/>
                  <a:pt x="1164043" y="3394488"/>
                  <a:pt x="1268515" y="3403788"/>
                </a:cubicBezTo>
                <a:cubicBezTo>
                  <a:pt x="1336376" y="3409863"/>
                  <a:pt x="1404651" y="3420660"/>
                  <a:pt x="1492884" y="3399484"/>
                </a:cubicBezTo>
                <a:cubicBezTo>
                  <a:pt x="1410006" y="3338199"/>
                  <a:pt x="1277736" y="3337777"/>
                  <a:pt x="1169657" y="3325996"/>
                </a:cubicBezTo>
                <a:cubicBezTo>
                  <a:pt x="1034677" y="3311259"/>
                  <a:pt x="951965" y="3268429"/>
                  <a:pt x="853866" y="3221353"/>
                </a:cubicBezTo>
                <a:cubicBezTo>
                  <a:pt x="950752" y="3199416"/>
                  <a:pt x="1014418" y="3234964"/>
                  <a:pt x="1090648" y="3226034"/>
                </a:cubicBezTo>
                <a:cubicBezTo>
                  <a:pt x="1094340" y="3218434"/>
                  <a:pt x="1100169" y="3207568"/>
                  <a:pt x="1099183" y="3207375"/>
                </a:cubicBezTo>
                <a:cubicBezTo>
                  <a:pt x="971072" y="3188118"/>
                  <a:pt x="907890" y="3136018"/>
                  <a:pt x="882137" y="3068880"/>
                </a:cubicBezTo>
                <a:cubicBezTo>
                  <a:pt x="868924" y="3034221"/>
                  <a:pt x="822286" y="3027121"/>
                  <a:pt x="776145" y="3014660"/>
                </a:cubicBezTo>
                <a:cubicBezTo>
                  <a:pt x="613874" y="2970419"/>
                  <a:pt x="443486" y="2933046"/>
                  <a:pt x="307191" y="2864697"/>
                </a:cubicBezTo>
                <a:cubicBezTo>
                  <a:pt x="457123" y="2862170"/>
                  <a:pt x="581367" y="2903594"/>
                  <a:pt x="743379" y="2911759"/>
                </a:cubicBezTo>
                <a:cubicBezTo>
                  <a:pt x="608349" y="2835743"/>
                  <a:pt x="439124" y="2806104"/>
                  <a:pt x="284020" y="2766269"/>
                </a:cubicBezTo>
                <a:cubicBezTo>
                  <a:pt x="213164" y="2748143"/>
                  <a:pt x="147010" y="2722889"/>
                  <a:pt x="63190" y="2717094"/>
                </a:cubicBezTo>
                <a:cubicBezTo>
                  <a:pt x="33455" y="2714947"/>
                  <a:pt x="-16425" y="2709531"/>
                  <a:pt x="5340" y="2681595"/>
                </a:cubicBezTo>
                <a:cubicBezTo>
                  <a:pt x="23652" y="2658441"/>
                  <a:pt x="63627" y="2661368"/>
                  <a:pt x="100237" y="2664591"/>
                </a:cubicBezTo>
                <a:cubicBezTo>
                  <a:pt x="188123" y="2672547"/>
                  <a:pt x="277551" y="2664977"/>
                  <a:pt x="394328" y="2654447"/>
                </a:cubicBezTo>
                <a:cubicBezTo>
                  <a:pt x="290057" y="2592242"/>
                  <a:pt x="112140" y="2629127"/>
                  <a:pt x="21491" y="2562088"/>
                </a:cubicBezTo>
                <a:cubicBezTo>
                  <a:pt x="125636" y="2540073"/>
                  <a:pt x="208727" y="2559644"/>
                  <a:pt x="294268" y="2557453"/>
                </a:cubicBezTo>
                <a:cubicBezTo>
                  <a:pt x="371589" y="2555423"/>
                  <a:pt x="389695" y="2540961"/>
                  <a:pt x="367847" y="2501743"/>
                </a:cubicBezTo>
                <a:cubicBezTo>
                  <a:pt x="333905" y="2440640"/>
                  <a:pt x="373328" y="2404160"/>
                  <a:pt x="486858" y="2411824"/>
                </a:cubicBezTo>
                <a:cubicBezTo>
                  <a:pt x="592120" y="2419095"/>
                  <a:pt x="600599" y="2394285"/>
                  <a:pt x="570008" y="2360312"/>
                </a:cubicBezTo>
                <a:cubicBezTo>
                  <a:pt x="525457" y="2310774"/>
                  <a:pt x="567057" y="2265987"/>
                  <a:pt x="594400" y="2218813"/>
                </a:cubicBezTo>
                <a:cubicBezTo>
                  <a:pt x="635581" y="2147198"/>
                  <a:pt x="612469" y="2115647"/>
                  <a:pt x="505675" y="2074370"/>
                </a:cubicBezTo>
                <a:cubicBezTo>
                  <a:pt x="445534" y="2051386"/>
                  <a:pt x="381431" y="2032947"/>
                  <a:pt x="295650" y="2015851"/>
                </a:cubicBezTo>
                <a:cubicBezTo>
                  <a:pt x="487251" y="1985881"/>
                  <a:pt x="281423" y="1958614"/>
                  <a:pt x="346760" y="1924896"/>
                </a:cubicBezTo>
                <a:cubicBezTo>
                  <a:pt x="481788" y="1901571"/>
                  <a:pt x="600623" y="1980687"/>
                  <a:pt x="783461" y="1939173"/>
                </a:cubicBezTo>
                <a:cubicBezTo>
                  <a:pt x="547912" y="1882335"/>
                  <a:pt x="287006" y="1807013"/>
                  <a:pt x="112183" y="1719100"/>
                </a:cubicBezTo>
                <a:cubicBezTo>
                  <a:pt x="148588" y="1692398"/>
                  <a:pt x="188462" y="1710725"/>
                  <a:pt x="219936" y="1699568"/>
                </a:cubicBezTo>
                <a:cubicBezTo>
                  <a:pt x="218006" y="1694140"/>
                  <a:pt x="220184" y="1685834"/>
                  <a:pt x="214196" y="1683841"/>
                </a:cubicBezTo>
                <a:cubicBezTo>
                  <a:pt x="85284" y="1638910"/>
                  <a:pt x="83720" y="1637648"/>
                  <a:pt x="212296" y="1584947"/>
                </a:cubicBezTo>
                <a:cubicBezTo>
                  <a:pt x="257172" y="1566456"/>
                  <a:pt x="252206" y="1554019"/>
                  <a:pt x="226108" y="1538121"/>
                </a:cubicBezTo>
                <a:cubicBezTo>
                  <a:pt x="207682" y="1526866"/>
                  <a:pt x="185078" y="1517656"/>
                  <a:pt x="192710" y="1488723"/>
                </a:cubicBezTo>
                <a:cubicBezTo>
                  <a:pt x="268435" y="1518175"/>
                  <a:pt x="624154" y="1547955"/>
                  <a:pt x="685843" y="1538903"/>
                </a:cubicBezTo>
                <a:cubicBezTo>
                  <a:pt x="755173" y="1528619"/>
                  <a:pt x="994201" y="1520231"/>
                  <a:pt x="1067153" y="1523622"/>
                </a:cubicBezTo>
                <a:cubicBezTo>
                  <a:pt x="1063138" y="1522015"/>
                  <a:pt x="1059122" y="1520410"/>
                  <a:pt x="1055106" y="1518803"/>
                </a:cubicBezTo>
                <a:cubicBezTo>
                  <a:pt x="983007" y="1486514"/>
                  <a:pt x="909946" y="1454310"/>
                  <a:pt x="864245" y="1408231"/>
                </a:cubicBezTo>
                <a:cubicBezTo>
                  <a:pt x="862153" y="1406456"/>
                  <a:pt x="861045" y="1404874"/>
                  <a:pt x="856768" y="1405809"/>
                </a:cubicBezTo>
                <a:cubicBezTo>
                  <a:pt x="819307" y="1414974"/>
                  <a:pt x="822846" y="1400112"/>
                  <a:pt x="821342" y="1388491"/>
                </a:cubicBezTo>
                <a:cubicBezTo>
                  <a:pt x="819813" y="1376592"/>
                  <a:pt x="812736" y="1367699"/>
                  <a:pt x="784954" y="1371257"/>
                </a:cubicBezTo>
                <a:cubicBezTo>
                  <a:pt x="783512" y="1371384"/>
                  <a:pt x="781566" y="1371274"/>
                  <a:pt x="779619" y="1371165"/>
                </a:cubicBezTo>
                <a:cubicBezTo>
                  <a:pt x="766469" y="1370361"/>
                  <a:pt x="722835" y="1342290"/>
                  <a:pt x="728571" y="1335910"/>
                </a:cubicBezTo>
                <a:cubicBezTo>
                  <a:pt x="741389" y="1321912"/>
                  <a:pt x="726409" y="1316791"/>
                  <a:pt x="713734" y="1310348"/>
                </a:cubicBezTo>
                <a:cubicBezTo>
                  <a:pt x="696009" y="1301550"/>
                  <a:pt x="678333" y="1293308"/>
                  <a:pt x="659695" y="1285149"/>
                </a:cubicBezTo>
                <a:cubicBezTo>
                  <a:pt x="641562" y="1277227"/>
                  <a:pt x="622997" y="1269901"/>
                  <a:pt x="604409" y="1262299"/>
                </a:cubicBezTo>
                <a:cubicBezTo>
                  <a:pt x="561305" y="1256847"/>
                  <a:pt x="517819" y="1252549"/>
                  <a:pt x="472556" y="1250086"/>
                </a:cubicBezTo>
                <a:cubicBezTo>
                  <a:pt x="438951" y="1247999"/>
                  <a:pt x="401379" y="1244860"/>
                  <a:pt x="382690" y="1214040"/>
                </a:cubicBezTo>
                <a:cubicBezTo>
                  <a:pt x="418096" y="1214570"/>
                  <a:pt x="453575" y="1215933"/>
                  <a:pt x="489053" y="1217296"/>
                </a:cubicBezTo>
                <a:cubicBezTo>
                  <a:pt x="454954" y="1204059"/>
                  <a:pt x="421816" y="1190737"/>
                  <a:pt x="390047" y="1176456"/>
                </a:cubicBezTo>
                <a:cubicBezTo>
                  <a:pt x="363810" y="1164487"/>
                  <a:pt x="342232" y="1150431"/>
                  <a:pt x="333292" y="1131347"/>
                </a:cubicBezTo>
                <a:cubicBezTo>
                  <a:pt x="330930" y="1126518"/>
                  <a:pt x="329025" y="1121368"/>
                  <a:pt x="337841" y="1116956"/>
                </a:cubicBezTo>
                <a:cubicBezTo>
                  <a:pt x="347569" y="1111905"/>
                  <a:pt x="355552" y="1114562"/>
                  <a:pt x="363031" y="1116984"/>
                </a:cubicBezTo>
                <a:cubicBezTo>
                  <a:pt x="393929" y="1126864"/>
                  <a:pt x="425283" y="1136425"/>
                  <a:pt x="455724" y="1146625"/>
                </a:cubicBezTo>
                <a:cubicBezTo>
                  <a:pt x="496146" y="1160147"/>
                  <a:pt x="536111" y="1173989"/>
                  <a:pt x="576050" y="1187553"/>
                </a:cubicBezTo>
                <a:cubicBezTo>
                  <a:pt x="519650" y="1157524"/>
                  <a:pt x="457798" y="1131612"/>
                  <a:pt x="391358" y="1108621"/>
                </a:cubicBezTo>
                <a:cubicBezTo>
                  <a:pt x="343386" y="1091844"/>
                  <a:pt x="295414" y="1075067"/>
                  <a:pt x="258466" y="1051446"/>
                </a:cubicBezTo>
                <a:cubicBezTo>
                  <a:pt x="239512" y="1039678"/>
                  <a:pt x="230024" y="1025400"/>
                  <a:pt x="227119" y="1008864"/>
                </a:cubicBezTo>
                <a:cubicBezTo>
                  <a:pt x="226729" y="1004421"/>
                  <a:pt x="227253" y="999338"/>
                  <a:pt x="237176" y="996508"/>
                </a:cubicBezTo>
                <a:cubicBezTo>
                  <a:pt x="247123" y="993956"/>
                  <a:pt x="253208" y="997060"/>
                  <a:pt x="257395" y="1000610"/>
                </a:cubicBezTo>
                <a:cubicBezTo>
                  <a:pt x="262111" y="1004674"/>
                  <a:pt x="267716" y="1007820"/>
                  <a:pt x="275649" y="1009921"/>
                </a:cubicBezTo>
                <a:cubicBezTo>
                  <a:pt x="345186" y="1029563"/>
                  <a:pt x="406508" y="1054962"/>
                  <a:pt x="469199" y="1079402"/>
                </a:cubicBezTo>
                <a:cubicBezTo>
                  <a:pt x="558968" y="1114336"/>
                  <a:pt x="647368" y="1150231"/>
                  <a:pt x="753033" y="1173138"/>
                </a:cubicBezTo>
                <a:cubicBezTo>
                  <a:pt x="793015" y="1181661"/>
                  <a:pt x="834292" y="1188391"/>
                  <a:pt x="865682" y="1187316"/>
                </a:cubicBezTo>
                <a:cubicBezTo>
                  <a:pt x="750261" y="1147076"/>
                  <a:pt x="641375" y="1104025"/>
                  <a:pt x="543487" y="1053852"/>
                </a:cubicBezTo>
                <a:cubicBezTo>
                  <a:pt x="444589" y="1003208"/>
                  <a:pt x="357848" y="947579"/>
                  <a:pt x="295297" y="880592"/>
                </a:cubicBezTo>
                <a:cubicBezTo>
                  <a:pt x="288871" y="873601"/>
                  <a:pt x="284873" y="866676"/>
                  <a:pt x="264758" y="869281"/>
                </a:cubicBezTo>
                <a:cubicBezTo>
                  <a:pt x="255650" y="870360"/>
                  <a:pt x="252375" y="866170"/>
                  <a:pt x="254388" y="861516"/>
                </a:cubicBezTo>
                <a:cubicBezTo>
                  <a:pt x="266992" y="828509"/>
                  <a:pt x="236853" y="810726"/>
                  <a:pt x="190786" y="799099"/>
                </a:cubicBezTo>
                <a:cubicBezTo>
                  <a:pt x="176408" y="795324"/>
                  <a:pt x="175031" y="790688"/>
                  <a:pt x="184973" y="782539"/>
                </a:cubicBezTo>
                <a:cubicBezTo>
                  <a:pt x="198516" y="771277"/>
                  <a:pt x="196123" y="760574"/>
                  <a:pt x="187530" y="750974"/>
                </a:cubicBezTo>
                <a:cubicBezTo>
                  <a:pt x="182644" y="744967"/>
                  <a:pt x="176339" y="739364"/>
                  <a:pt x="170996" y="733676"/>
                </a:cubicBezTo>
                <a:cubicBezTo>
                  <a:pt x="167290" y="730083"/>
                  <a:pt x="161157" y="726424"/>
                  <a:pt x="169444" y="721499"/>
                </a:cubicBezTo>
                <a:cubicBezTo>
                  <a:pt x="177298" y="717172"/>
                  <a:pt x="185665" y="718676"/>
                  <a:pt x="193501" y="719668"/>
                </a:cubicBezTo>
                <a:cubicBezTo>
                  <a:pt x="231170" y="723917"/>
                  <a:pt x="254043" y="736181"/>
                  <a:pt x="265436" y="755609"/>
                </a:cubicBezTo>
                <a:cubicBezTo>
                  <a:pt x="273963" y="769971"/>
                  <a:pt x="281726" y="770130"/>
                  <a:pt x="302333" y="756567"/>
                </a:cubicBezTo>
                <a:cubicBezTo>
                  <a:pt x="317894" y="746247"/>
                  <a:pt x="332387" y="745814"/>
                  <a:pt x="346481" y="751853"/>
                </a:cubicBezTo>
                <a:cubicBezTo>
                  <a:pt x="354007" y="754830"/>
                  <a:pt x="358771" y="759448"/>
                  <a:pt x="364449" y="763428"/>
                </a:cubicBezTo>
                <a:cubicBezTo>
                  <a:pt x="392910" y="784156"/>
                  <a:pt x="422762" y="804202"/>
                  <a:pt x="467363" y="815678"/>
                </a:cubicBezTo>
                <a:cubicBezTo>
                  <a:pt x="487199" y="820933"/>
                  <a:pt x="508355" y="824672"/>
                  <a:pt x="537693" y="816781"/>
                </a:cubicBezTo>
                <a:cubicBezTo>
                  <a:pt x="518386" y="812039"/>
                  <a:pt x="499567" y="812852"/>
                  <a:pt x="482019" y="811593"/>
                </a:cubicBezTo>
                <a:cubicBezTo>
                  <a:pt x="464472" y="810335"/>
                  <a:pt x="454949" y="806693"/>
                  <a:pt x="467050" y="795557"/>
                </a:cubicBezTo>
                <a:cubicBezTo>
                  <a:pt x="473772" y="789371"/>
                  <a:pt x="472878" y="784693"/>
                  <a:pt x="465734" y="780562"/>
                </a:cubicBezTo>
                <a:cubicBezTo>
                  <a:pt x="442763" y="767188"/>
                  <a:pt x="430336" y="747011"/>
                  <a:pt x="384526" y="749353"/>
                </a:cubicBezTo>
                <a:cubicBezTo>
                  <a:pt x="382123" y="749564"/>
                  <a:pt x="379622" y="748664"/>
                  <a:pt x="377146" y="748041"/>
                </a:cubicBezTo>
                <a:cubicBezTo>
                  <a:pt x="367744" y="745789"/>
                  <a:pt x="357358" y="743342"/>
                  <a:pt x="360089" y="735827"/>
                </a:cubicBezTo>
                <a:cubicBezTo>
                  <a:pt x="363301" y="728269"/>
                  <a:pt x="375652" y="725506"/>
                  <a:pt x="386634" y="723703"/>
                </a:cubicBezTo>
                <a:cubicBezTo>
                  <a:pt x="414823" y="719269"/>
                  <a:pt x="437543" y="724271"/>
                  <a:pt x="459375" y="730191"/>
                </a:cubicBezTo>
                <a:cubicBezTo>
                  <a:pt x="512487" y="744837"/>
                  <a:pt x="556932" y="765561"/>
                  <a:pt x="603200" y="785006"/>
                </a:cubicBezTo>
                <a:cubicBezTo>
                  <a:pt x="672604" y="814173"/>
                  <a:pt x="734250" y="848778"/>
                  <a:pt x="810521" y="873425"/>
                </a:cubicBezTo>
                <a:cubicBezTo>
                  <a:pt x="1037317" y="946423"/>
                  <a:pt x="1260943" y="1021938"/>
                  <a:pt x="1494102" y="1090180"/>
                </a:cubicBezTo>
                <a:cubicBezTo>
                  <a:pt x="1580109" y="1115371"/>
                  <a:pt x="1667892" y="1138728"/>
                  <a:pt x="1756565" y="1161167"/>
                </a:cubicBezTo>
                <a:cubicBezTo>
                  <a:pt x="1756899" y="1159458"/>
                  <a:pt x="1757282" y="1158305"/>
                  <a:pt x="1757592" y="1156319"/>
                </a:cubicBezTo>
                <a:cubicBezTo>
                  <a:pt x="1757470" y="1154931"/>
                  <a:pt x="1757324" y="1153264"/>
                  <a:pt x="1757202" y="1151876"/>
                </a:cubicBezTo>
                <a:cubicBezTo>
                  <a:pt x="1694452" y="1137796"/>
                  <a:pt x="1632540" y="1122242"/>
                  <a:pt x="1572453" y="1105409"/>
                </a:cubicBezTo>
                <a:cubicBezTo>
                  <a:pt x="1424942" y="1063789"/>
                  <a:pt x="1288864" y="1014450"/>
                  <a:pt x="1171972" y="951953"/>
                </a:cubicBezTo>
                <a:cubicBezTo>
                  <a:pt x="1162328" y="946924"/>
                  <a:pt x="1152112" y="946421"/>
                  <a:pt x="1137334" y="949118"/>
                </a:cubicBezTo>
                <a:cubicBezTo>
                  <a:pt x="1089682" y="958058"/>
                  <a:pt x="1074050" y="951035"/>
                  <a:pt x="1081493" y="925476"/>
                </a:cubicBezTo>
                <a:cubicBezTo>
                  <a:pt x="1083360" y="919155"/>
                  <a:pt x="1083403" y="914115"/>
                  <a:pt x="1074768" y="909555"/>
                </a:cubicBezTo>
                <a:cubicBezTo>
                  <a:pt x="1036165" y="889158"/>
                  <a:pt x="995714" y="869763"/>
                  <a:pt x="952019" y="852050"/>
                </a:cubicBezTo>
                <a:cubicBezTo>
                  <a:pt x="871170" y="819410"/>
                  <a:pt x="784821" y="790332"/>
                  <a:pt x="709017" y="754450"/>
                </a:cubicBezTo>
                <a:cubicBezTo>
                  <a:pt x="686747" y="743533"/>
                  <a:pt x="669617" y="730485"/>
                  <a:pt x="659046" y="714902"/>
                </a:cubicBezTo>
                <a:cubicBezTo>
                  <a:pt x="655674" y="709602"/>
                  <a:pt x="653624" y="702786"/>
                  <a:pt x="664793" y="697608"/>
                </a:cubicBezTo>
                <a:cubicBezTo>
                  <a:pt x="675483" y="692472"/>
                  <a:pt x="684069" y="696476"/>
                  <a:pt x="692052" y="699133"/>
                </a:cubicBezTo>
                <a:cubicBezTo>
                  <a:pt x="725451" y="709913"/>
                  <a:pt x="759355" y="720929"/>
                  <a:pt x="792779" y="731987"/>
                </a:cubicBezTo>
                <a:cubicBezTo>
                  <a:pt x="826682" y="743003"/>
                  <a:pt x="860155" y="754616"/>
                  <a:pt x="895574" y="766338"/>
                </a:cubicBezTo>
                <a:cubicBezTo>
                  <a:pt x="897416" y="759741"/>
                  <a:pt x="890085" y="758985"/>
                  <a:pt x="886044" y="757101"/>
                </a:cubicBezTo>
                <a:cubicBezTo>
                  <a:pt x="828975" y="730489"/>
                  <a:pt x="766861" y="707118"/>
                  <a:pt x="702924" y="685027"/>
                </a:cubicBezTo>
                <a:cubicBezTo>
                  <a:pt x="653460" y="667821"/>
                  <a:pt x="605342" y="649378"/>
                  <a:pt x="571540" y="622962"/>
                </a:cubicBezTo>
                <a:cubicBezTo>
                  <a:pt x="558524" y="612632"/>
                  <a:pt x="551227" y="601239"/>
                  <a:pt x="552940" y="587657"/>
                </a:cubicBezTo>
                <a:cubicBezTo>
                  <a:pt x="553537" y="583407"/>
                  <a:pt x="554132" y="579157"/>
                  <a:pt x="563623" y="576925"/>
                </a:cubicBezTo>
                <a:cubicBezTo>
                  <a:pt x="571217" y="575139"/>
                  <a:pt x="576243" y="577216"/>
                  <a:pt x="580332" y="579656"/>
                </a:cubicBezTo>
                <a:cubicBezTo>
                  <a:pt x="587500" y="584063"/>
                  <a:pt x="594668" y="588471"/>
                  <a:pt x="604623" y="591516"/>
                </a:cubicBezTo>
                <a:cubicBezTo>
                  <a:pt x="664350" y="609779"/>
                  <a:pt x="720426" y="630601"/>
                  <a:pt x="775136" y="652383"/>
                </a:cubicBezTo>
                <a:cubicBezTo>
                  <a:pt x="864952" y="687874"/>
                  <a:pt x="953882" y="724283"/>
                  <a:pt x="1057795" y="749301"/>
                </a:cubicBezTo>
                <a:cubicBezTo>
                  <a:pt x="1096889" y="758742"/>
                  <a:pt x="1137304" y="766668"/>
                  <a:pt x="1183454" y="768213"/>
                </a:cubicBezTo>
                <a:cubicBezTo>
                  <a:pt x="1181768" y="765563"/>
                  <a:pt x="1178737" y="764150"/>
                  <a:pt x="1175732" y="763015"/>
                </a:cubicBezTo>
                <a:cubicBezTo>
                  <a:pt x="1075170" y="726508"/>
                  <a:pt x="977850" y="688319"/>
                  <a:pt x="888743" y="644370"/>
                </a:cubicBezTo>
                <a:cubicBezTo>
                  <a:pt x="778881" y="590211"/>
                  <a:pt x="683912" y="529148"/>
                  <a:pt x="615490" y="455960"/>
                </a:cubicBezTo>
                <a:cubicBezTo>
                  <a:pt x="612312" y="452882"/>
                  <a:pt x="610122" y="449996"/>
                  <a:pt x="602432" y="450671"/>
                </a:cubicBezTo>
                <a:cubicBezTo>
                  <a:pt x="582748" y="452678"/>
                  <a:pt x="580338" y="447293"/>
                  <a:pt x="582418" y="437876"/>
                </a:cubicBezTo>
                <a:cubicBezTo>
                  <a:pt x="588134" y="414707"/>
                  <a:pt x="573498" y="396964"/>
                  <a:pt x="539211" y="387101"/>
                </a:cubicBezTo>
                <a:cubicBezTo>
                  <a:pt x="514350" y="379769"/>
                  <a:pt x="493430" y="373210"/>
                  <a:pt x="519748" y="352990"/>
                </a:cubicBezTo>
                <a:cubicBezTo>
                  <a:pt x="526113" y="348234"/>
                  <a:pt x="523173" y="342336"/>
                  <a:pt x="520282" y="336993"/>
                </a:cubicBezTo>
                <a:cubicBezTo>
                  <a:pt x="516186" y="328957"/>
                  <a:pt x="507910" y="322968"/>
                  <a:pt x="498650" y="316785"/>
                </a:cubicBezTo>
                <a:cubicBezTo>
                  <a:pt x="493501" y="313319"/>
                  <a:pt x="487271" y="308549"/>
                  <a:pt x="493610" y="303515"/>
                </a:cubicBezTo>
                <a:cubicBezTo>
                  <a:pt x="500838" y="297564"/>
                  <a:pt x="511247" y="300288"/>
                  <a:pt x="519565" y="301237"/>
                </a:cubicBezTo>
                <a:cubicBezTo>
                  <a:pt x="557715" y="305444"/>
                  <a:pt x="581118" y="318221"/>
                  <a:pt x="592560" y="338204"/>
                </a:cubicBezTo>
                <a:cubicBezTo>
                  <a:pt x="599979" y="350985"/>
                  <a:pt x="609184" y="351016"/>
                  <a:pt x="627076" y="339652"/>
                </a:cubicBezTo>
                <a:cubicBezTo>
                  <a:pt x="647275" y="326965"/>
                  <a:pt x="664147" y="326044"/>
                  <a:pt x="679640" y="336997"/>
                </a:cubicBezTo>
                <a:cubicBezTo>
                  <a:pt x="692054" y="345981"/>
                  <a:pt x="702112" y="355732"/>
                  <a:pt x="716352" y="363437"/>
                </a:cubicBezTo>
                <a:cubicBezTo>
                  <a:pt x="754546" y="384710"/>
                  <a:pt x="790508" y="408138"/>
                  <a:pt x="869745" y="400343"/>
                </a:cubicBezTo>
                <a:cubicBezTo>
                  <a:pt x="847718" y="392203"/>
                  <a:pt x="825656" y="394699"/>
                  <a:pt x="806641" y="393290"/>
                </a:cubicBezTo>
                <a:cubicBezTo>
                  <a:pt x="792988" y="392249"/>
                  <a:pt x="779165" y="389265"/>
                  <a:pt x="791435" y="380072"/>
                </a:cubicBezTo>
                <a:cubicBezTo>
                  <a:pt x="805532" y="369601"/>
                  <a:pt x="796441" y="365362"/>
                  <a:pt x="787709" y="359692"/>
                </a:cubicBezTo>
                <a:cubicBezTo>
                  <a:pt x="767647" y="346342"/>
                  <a:pt x="751260" y="330710"/>
                  <a:pt x="711071" y="330880"/>
                </a:cubicBezTo>
                <a:cubicBezTo>
                  <a:pt x="704773" y="330873"/>
                  <a:pt x="699699" y="328240"/>
                  <a:pt x="694722" y="326718"/>
                </a:cubicBezTo>
                <a:cubicBezTo>
                  <a:pt x="687749" y="324532"/>
                  <a:pt x="681713" y="321984"/>
                  <a:pt x="684613" y="316412"/>
                </a:cubicBezTo>
                <a:cubicBezTo>
                  <a:pt x="687565" y="311396"/>
                  <a:pt x="694531" y="307986"/>
                  <a:pt x="703615" y="306629"/>
                </a:cubicBezTo>
                <a:cubicBezTo>
                  <a:pt x="711738" y="305356"/>
                  <a:pt x="720365" y="304319"/>
                  <a:pt x="728585" y="304157"/>
                </a:cubicBezTo>
                <a:cubicBezTo>
                  <a:pt x="765287" y="302895"/>
                  <a:pt x="791378" y="313197"/>
                  <a:pt x="817397" y="322666"/>
                </a:cubicBezTo>
                <a:cubicBezTo>
                  <a:pt x="908436" y="355531"/>
                  <a:pt x="989341" y="394323"/>
                  <a:pt x="1073943" y="431110"/>
                </a:cubicBezTo>
                <a:cubicBezTo>
                  <a:pt x="1158521" y="467620"/>
                  <a:pt x="1256741" y="493978"/>
                  <a:pt x="1349484" y="524175"/>
                </a:cubicBezTo>
                <a:cubicBezTo>
                  <a:pt x="1563417" y="594105"/>
                  <a:pt x="1778287" y="663672"/>
                  <a:pt x="2004921" y="723811"/>
                </a:cubicBezTo>
                <a:cubicBezTo>
                  <a:pt x="2226580" y="782429"/>
                  <a:pt x="2967159" y="809769"/>
                  <a:pt x="3111348" y="808027"/>
                </a:cubicBezTo>
                <a:cubicBezTo>
                  <a:pt x="3295676" y="805559"/>
                  <a:pt x="3730204" y="773014"/>
                  <a:pt x="4173417" y="745585"/>
                </a:cubicBezTo>
                <a:cubicBezTo>
                  <a:pt x="4223504" y="742307"/>
                  <a:pt x="4272653" y="739393"/>
                  <a:pt x="4324760" y="737057"/>
                </a:cubicBezTo>
                <a:cubicBezTo>
                  <a:pt x="5801059" y="670156"/>
                  <a:pt x="6841344" y="326433"/>
                  <a:pt x="6893789" y="305879"/>
                </a:cubicBezTo>
                <a:cubicBezTo>
                  <a:pt x="6978091" y="273014"/>
                  <a:pt x="7258655" y="208091"/>
                  <a:pt x="7259184" y="208604"/>
                </a:cubicBezTo>
                <a:cubicBezTo>
                  <a:pt x="7265440" y="213652"/>
                  <a:pt x="7297274" y="217644"/>
                  <a:pt x="7323059" y="220312"/>
                </a:cubicBezTo>
                <a:lnTo>
                  <a:pt x="7347572" y="222730"/>
                </a:lnTo>
                <a:lnTo>
                  <a:pt x="7350636" y="224083"/>
                </a:lnTo>
                <a:cubicBezTo>
                  <a:pt x="7359607" y="224205"/>
                  <a:pt x="7359159" y="223929"/>
                  <a:pt x="7353245" y="223290"/>
                </a:cubicBezTo>
                <a:lnTo>
                  <a:pt x="7347572" y="222730"/>
                </a:lnTo>
                <a:lnTo>
                  <a:pt x="7342573" y="220523"/>
                </a:lnTo>
                <a:cubicBezTo>
                  <a:pt x="7341302" y="218466"/>
                  <a:pt x="7341191" y="215818"/>
                  <a:pt x="7341465" y="213415"/>
                </a:cubicBezTo>
                <a:cubicBezTo>
                  <a:pt x="7342771" y="200707"/>
                  <a:pt x="7352468" y="189782"/>
                  <a:pt x="7375606" y="182994"/>
                </a:cubicBezTo>
                <a:cubicBezTo>
                  <a:pt x="7397808" y="176568"/>
                  <a:pt x="7420538" y="170655"/>
                  <a:pt x="7443270" y="164742"/>
                </a:cubicBezTo>
                <a:cubicBezTo>
                  <a:pt x="7462204" y="159722"/>
                  <a:pt x="7475181" y="158583"/>
                  <a:pt x="7478299" y="172021"/>
                </a:cubicBezTo>
                <a:cubicBezTo>
                  <a:pt x="7481416" y="185460"/>
                  <a:pt x="7508389" y="189249"/>
                  <a:pt x="7524024" y="179761"/>
                </a:cubicBezTo>
                <a:cubicBezTo>
                  <a:pt x="7585174" y="142492"/>
                  <a:pt x="7658615" y="112820"/>
                  <a:pt x="7727944" y="80430"/>
                </a:cubicBezTo>
                <a:cubicBezTo>
                  <a:pt x="7776349" y="57992"/>
                  <a:pt x="7827303" y="37009"/>
                  <a:pt x="7867024" y="9456"/>
                </a:cubicBezTo>
                <a:cubicBezTo>
                  <a:pt x="7874326" y="4338"/>
                  <a:pt x="7880999" y="-2404"/>
                  <a:pt x="7894848" y="858"/>
                </a:cubicBezTo>
                <a:close/>
              </a:path>
            </a:pathLst>
          </a:custGeom>
        </p:spPr>
      </p:pic>
      <p:sp>
        <p:nvSpPr>
          <p:cNvPr id="2" name="タイトル 1">
            <a:extLst>
              <a:ext uri="{FF2B5EF4-FFF2-40B4-BE49-F238E27FC236}">
                <a16:creationId xmlns:a16="http://schemas.microsoft.com/office/drawing/2014/main" id="{E441D6E2-DC1D-4AC7-A794-4A1AB9517E0D}"/>
              </a:ext>
            </a:extLst>
          </p:cNvPr>
          <p:cNvSpPr>
            <a:spLocks noGrp="1"/>
          </p:cNvSpPr>
          <p:nvPr>
            <p:ph type="ctrTitle"/>
          </p:nvPr>
        </p:nvSpPr>
        <p:spPr>
          <a:xfrm>
            <a:off x="1524000" y="4370227"/>
            <a:ext cx="9144000" cy="1193138"/>
          </a:xfrm>
        </p:spPr>
        <p:txBody>
          <a:bodyPr>
            <a:normAutofit/>
          </a:bodyPr>
          <a:lstStyle/>
          <a:p>
            <a:br>
              <a:rPr kumimoji="1" lang="en-US" altLang="ja-JP" sz="1800" dirty="0"/>
            </a:br>
            <a:br>
              <a:rPr kumimoji="1" lang="en-US" altLang="ja-JP" sz="1800" dirty="0"/>
            </a:br>
            <a:br>
              <a:rPr kumimoji="1" lang="en-US" altLang="ja-JP" sz="1800" dirty="0"/>
            </a:br>
            <a:endParaRPr kumimoji="1" lang="ja-JP" altLang="en-US" sz="1800" dirty="0"/>
          </a:p>
        </p:txBody>
      </p:sp>
      <p:sp>
        <p:nvSpPr>
          <p:cNvPr id="3" name="字幕 2">
            <a:extLst>
              <a:ext uri="{FF2B5EF4-FFF2-40B4-BE49-F238E27FC236}">
                <a16:creationId xmlns:a16="http://schemas.microsoft.com/office/drawing/2014/main" id="{C0ABB488-32DF-4026-97F1-56FB27B3558A}"/>
              </a:ext>
            </a:extLst>
          </p:cNvPr>
          <p:cNvSpPr>
            <a:spLocks noGrp="1"/>
          </p:cNvSpPr>
          <p:nvPr>
            <p:ph type="subTitle" idx="1"/>
          </p:nvPr>
        </p:nvSpPr>
        <p:spPr>
          <a:xfrm>
            <a:off x="2804160" y="5484177"/>
            <a:ext cx="9144000" cy="646785"/>
          </a:xfrm>
        </p:spPr>
        <p:txBody>
          <a:bodyPr>
            <a:noAutofit/>
          </a:bodyPr>
          <a:lstStyle/>
          <a:p>
            <a:r>
              <a:rPr kumimoji="1" lang="ja-JP" altLang="en-US" b="1" dirty="0"/>
              <a:t>植野インフラマネジメントオフィス　代表</a:t>
            </a:r>
            <a:endParaRPr kumimoji="1" lang="en-US" altLang="ja-JP" b="1" dirty="0"/>
          </a:p>
          <a:p>
            <a:r>
              <a:rPr lang="ja-JP" altLang="en-US" b="1" dirty="0"/>
              <a:t>（富山市政策参与）</a:t>
            </a:r>
            <a:endParaRPr kumimoji="1" lang="en-US" altLang="ja-JP" b="1" dirty="0"/>
          </a:p>
          <a:p>
            <a:r>
              <a:rPr lang="ja-JP" altLang="en-US" b="1" dirty="0"/>
              <a:t>植野　芳彦</a:t>
            </a:r>
            <a:endParaRPr lang="en-US" altLang="ja-JP" b="1" dirty="0"/>
          </a:p>
        </p:txBody>
      </p:sp>
      <p:sp>
        <p:nvSpPr>
          <p:cNvPr id="6" name="テキスト ボックス 5">
            <a:extLst>
              <a:ext uri="{FF2B5EF4-FFF2-40B4-BE49-F238E27FC236}">
                <a16:creationId xmlns:a16="http://schemas.microsoft.com/office/drawing/2014/main" id="{5885453B-8021-6B5C-A41F-EFDCF75C02F0}"/>
              </a:ext>
            </a:extLst>
          </p:cNvPr>
          <p:cNvSpPr txBox="1"/>
          <p:nvPr/>
        </p:nvSpPr>
        <p:spPr>
          <a:xfrm>
            <a:off x="243840" y="3835720"/>
            <a:ext cx="7543800" cy="650627"/>
          </a:xfrm>
          <a:prstGeom prst="rect">
            <a:avLst/>
          </a:prstGeom>
          <a:noFill/>
        </p:spPr>
        <p:txBody>
          <a:bodyPr wrap="square">
            <a:spAutoFit/>
          </a:bodyPr>
          <a:lstStyle/>
          <a:p>
            <a:pPr algn="ctr">
              <a:lnSpc>
                <a:spcPct val="90000"/>
              </a:lnSpc>
              <a:spcBef>
                <a:spcPct val="0"/>
              </a:spcBef>
              <a:spcAft>
                <a:spcPts val="600"/>
              </a:spcAft>
              <a:buNone/>
            </a:pPr>
            <a:r>
              <a:rPr lang="ja-JP" altLang="en-US" sz="4000" b="1" dirty="0">
                <a:effectLst/>
                <a:latin typeface="+mj-lt"/>
                <a:ea typeface="+mj-ea"/>
                <a:cs typeface="+mj-cs"/>
              </a:rPr>
              <a:t>コンサルタントの自治体営業</a:t>
            </a:r>
            <a:endParaRPr lang="en-US" altLang="ja-JP" sz="4000" b="1" dirty="0">
              <a:effectLst/>
              <a:latin typeface="+mj-lt"/>
              <a:ea typeface="+mj-ea"/>
              <a:cs typeface="+mj-cs"/>
            </a:endParaRPr>
          </a:p>
        </p:txBody>
      </p:sp>
      <p:sp>
        <p:nvSpPr>
          <p:cNvPr id="8" name="テキスト ボックス 7">
            <a:extLst>
              <a:ext uri="{FF2B5EF4-FFF2-40B4-BE49-F238E27FC236}">
                <a16:creationId xmlns:a16="http://schemas.microsoft.com/office/drawing/2014/main" id="{7B4BCC26-6D7B-2B90-F4AA-D71D44D9A232}"/>
              </a:ext>
            </a:extLst>
          </p:cNvPr>
          <p:cNvSpPr txBox="1"/>
          <p:nvPr/>
        </p:nvSpPr>
        <p:spPr>
          <a:xfrm>
            <a:off x="-1524000" y="386205"/>
            <a:ext cx="6096000" cy="669671"/>
          </a:xfrm>
          <a:prstGeom prst="rect">
            <a:avLst/>
          </a:prstGeom>
          <a:noFill/>
        </p:spPr>
        <p:txBody>
          <a:bodyPr wrap="square">
            <a:spAutoFit/>
          </a:bodyPr>
          <a:lstStyle/>
          <a:p>
            <a:pPr algn="ctr">
              <a:lnSpc>
                <a:spcPct val="90000"/>
              </a:lnSpc>
              <a:spcBef>
                <a:spcPct val="0"/>
              </a:spcBef>
              <a:spcAft>
                <a:spcPts val="600"/>
              </a:spcAft>
              <a:buNone/>
            </a:pPr>
            <a:r>
              <a:rPr lang="en-US" altLang="ja-JP" sz="1800" b="1" dirty="0">
                <a:effectLst/>
                <a:latin typeface="+mj-lt"/>
                <a:ea typeface="+mj-ea"/>
                <a:cs typeface="+mj-cs"/>
              </a:rPr>
              <a:t>2023.06.06</a:t>
            </a:r>
          </a:p>
          <a:p>
            <a:pPr algn="ctr">
              <a:lnSpc>
                <a:spcPct val="90000"/>
              </a:lnSpc>
              <a:spcBef>
                <a:spcPct val="0"/>
              </a:spcBef>
              <a:spcAft>
                <a:spcPts val="600"/>
              </a:spcAft>
              <a:buNone/>
            </a:pPr>
            <a:r>
              <a:rPr lang="ja-JP" altLang="en-US" sz="1800" b="1" dirty="0">
                <a:effectLst/>
                <a:latin typeface="+mj-lt"/>
                <a:ea typeface="+mj-ea"/>
                <a:cs typeface="+mj-cs"/>
              </a:rPr>
              <a:t>こうきょうセミナー</a:t>
            </a:r>
            <a:endParaRPr lang="en-US" altLang="ja-JP" sz="1800" b="1" dirty="0">
              <a:effectLst/>
              <a:latin typeface="+mj-lt"/>
              <a:ea typeface="+mj-ea"/>
              <a:cs typeface="+mj-cs"/>
            </a:endParaRPr>
          </a:p>
        </p:txBody>
      </p:sp>
    </p:spTree>
    <p:extLst>
      <p:ext uri="{BB962C8B-B14F-4D97-AF65-F5344CB8AC3E}">
        <p14:creationId xmlns:p14="http://schemas.microsoft.com/office/powerpoint/2010/main" val="273271290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スライド番号プレースホルダー 1">
            <a:extLst>
              <a:ext uri="{FF2B5EF4-FFF2-40B4-BE49-F238E27FC236}">
                <a16:creationId xmlns:a16="http://schemas.microsoft.com/office/drawing/2014/main" id="{9CCDEC35-CAC3-9EF3-F686-BCD454F3A910}"/>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eaLnBrk="1" hangingPunct="1">
              <a:spcBef>
                <a:spcPct val="0"/>
              </a:spcBef>
              <a:buFontTx/>
              <a:buNone/>
            </a:pPr>
            <a:fld id="{BA29154B-9C4B-4922-8229-D026B6F0659B}" type="slidenum">
              <a:rPr lang="en-US" altLang="ja-JP" sz="1400">
                <a:latin typeface="Arial" panose="020B0604020202020204" pitchFamily="34" charset="0"/>
              </a:rPr>
              <a:pPr algn="r" eaLnBrk="1" hangingPunct="1">
                <a:spcBef>
                  <a:spcPct val="0"/>
                </a:spcBef>
                <a:buFontTx/>
                <a:buNone/>
              </a:pPr>
              <a:t>10</a:t>
            </a:fld>
            <a:endParaRPr lang="en-US" altLang="ja-JP" sz="1400">
              <a:latin typeface="Arial" panose="020B0604020202020204" pitchFamily="34" charset="0"/>
            </a:endParaRPr>
          </a:p>
        </p:txBody>
      </p:sp>
      <p:sp>
        <p:nvSpPr>
          <p:cNvPr id="7171" name="角丸四角形 2">
            <a:extLst>
              <a:ext uri="{FF2B5EF4-FFF2-40B4-BE49-F238E27FC236}">
                <a16:creationId xmlns:a16="http://schemas.microsoft.com/office/drawing/2014/main" id="{E3612198-DE99-3AAE-0E0C-A704EB98C98C}"/>
              </a:ext>
            </a:extLst>
          </p:cNvPr>
          <p:cNvSpPr>
            <a:spLocks noChangeArrowheads="1"/>
          </p:cNvSpPr>
          <p:nvPr/>
        </p:nvSpPr>
        <p:spPr bwMode="auto">
          <a:xfrm>
            <a:off x="1683657" y="160339"/>
            <a:ext cx="8810173" cy="1029833"/>
          </a:xfrm>
          <a:prstGeom prst="roundRect">
            <a:avLst>
              <a:gd name="adj" fmla="val 16667"/>
            </a:avLst>
          </a:prstGeom>
          <a:solidFill>
            <a:schemeClr val="tx2">
              <a:lumMod val="20000"/>
              <a:lumOff val="80000"/>
            </a:schemeClr>
          </a:solidFill>
          <a:ln w="9525" algn="ctr">
            <a:solidFill>
              <a:schemeClr val="tx1"/>
            </a:solidFill>
            <a:miter lim="800000"/>
            <a:headEnd/>
            <a:tailEnd/>
          </a:ln>
        </p:spPr>
        <p:txBody>
          <a:bodyPr wrap="none">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defRPr/>
            </a:pPr>
            <a:r>
              <a:rPr lang="ja-JP" altLang="en-US" sz="4800" spc="50" dirty="0">
                <a:ln w="11430"/>
                <a:effectLst>
                  <a:outerShdw blurRad="76200" dist="50800" dir="5400000" algn="tl" rotWithShape="0">
                    <a:srgbClr val="000000">
                      <a:alpha val="65000"/>
                    </a:srgbClr>
                  </a:outerShdw>
                </a:effectLst>
                <a:latin typeface="HGS創英角ﾎﾟｯﾌﾟ体" pitchFamily="50" charset="-128"/>
                <a:ea typeface="HGS創英角ﾎﾟｯﾌﾟ体" pitchFamily="50" charset="-128"/>
              </a:rPr>
              <a:t>瑕疵担保</a:t>
            </a:r>
            <a:endParaRPr lang="en-US" altLang="ja-JP" sz="4800" spc="50" dirty="0">
              <a:ln w="11430"/>
              <a:effectLst>
                <a:outerShdw blurRad="76200" dist="50800" dir="5400000" algn="tl" rotWithShape="0">
                  <a:srgbClr val="000000">
                    <a:alpha val="65000"/>
                  </a:srgbClr>
                </a:outerShdw>
              </a:effectLst>
              <a:latin typeface="HGS創英角ﾎﾟｯﾌﾟ体" pitchFamily="50" charset="-128"/>
              <a:ea typeface="HGS創英角ﾎﾟｯﾌﾟ体" pitchFamily="50" charset="-128"/>
            </a:endParaRPr>
          </a:p>
          <a:p>
            <a:pPr>
              <a:defRPr/>
            </a:pPr>
            <a:endParaRPr lang="en-US" altLang="ja-JP" sz="28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S創英角ﾎﾟｯﾌﾟ体" pitchFamily="50" charset="-128"/>
              <a:ea typeface="HGS創英角ﾎﾟｯﾌﾟ体" pitchFamily="50" charset="-128"/>
            </a:endParaRPr>
          </a:p>
          <a:p>
            <a:pPr>
              <a:defRPr/>
            </a:pPr>
            <a:endParaRPr lang="ja-JP" altLang="en-US" sz="28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Arial" charset="0"/>
              <a:ea typeface="HGP創英角ﾎﾟｯﾌﾟ体" pitchFamily="50" charset="-128"/>
            </a:endParaRPr>
          </a:p>
        </p:txBody>
      </p:sp>
      <p:sp>
        <p:nvSpPr>
          <p:cNvPr id="6148" name="角丸四角形 3">
            <a:extLst>
              <a:ext uri="{FF2B5EF4-FFF2-40B4-BE49-F238E27FC236}">
                <a16:creationId xmlns:a16="http://schemas.microsoft.com/office/drawing/2014/main" id="{4ECD3CB2-ED84-556A-ED87-105FA73FAB10}"/>
              </a:ext>
            </a:extLst>
          </p:cNvPr>
          <p:cNvSpPr>
            <a:spLocks noChangeArrowheads="1"/>
          </p:cNvSpPr>
          <p:nvPr/>
        </p:nvSpPr>
        <p:spPr bwMode="auto">
          <a:xfrm>
            <a:off x="1684339" y="1214439"/>
            <a:ext cx="8809037" cy="5667375"/>
          </a:xfrm>
          <a:prstGeom prst="roundRect">
            <a:avLst>
              <a:gd name="adj" fmla="val 16667"/>
            </a:avLst>
          </a:prstGeom>
          <a:solidFill>
            <a:schemeClr val="accent3">
              <a:lumMod val="20000"/>
              <a:lumOff val="80000"/>
            </a:schemeClr>
          </a:solidFill>
          <a:ln w="9525" algn="ctr">
            <a:solidFill>
              <a:schemeClr val="tx1"/>
            </a:solidFill>
            <a:miter lim="800000"/>
            <a:headEnd/>
            <a:tailEnd/>
          </a:ln>
        </p:spPr>
        <p:txBody>
          <a:bodyPr wrap="none"/>
          <a:lstStyle/>
          <a:p>
            <a:pPr algn="l">
              <a:defRPr/>
            </a:pPr>
            <a:r>
              <a:rPr lang="ja-JP" altLang="en-US" sz="2400" b="1" dirty="0">
                <a:latin typeface="AR P丸ゴシック体M" pitchFamily="50" charset="-128"/>
                <a:ea typeface="AR P丸ゴシック体M" pitchFamily="50" charset="-128"/>
              </a:rPr>
              <a:t>●近年、設計ミス等に対する瑕疵の問題が大きなリスク</a:t>
            </a:r>
            <a:endParaRPr lang="en-US" altLang="ja-JP" sz="2400" b="1" dirty="0">
              <a:latin typeface="AR P丸ゴシック体M" pitchFamily="50" charset="-128"/>
              <a:ea typeface="AR P丸ゴシック体M" pitchFamily="50" charset="-128"/>
            </a:endParaRPr>
          </a:p>
          <a:p>
            <a:pPr algn="l">
              <a:defRPr/>
            </a:pPr>
            <a:endParaRPr lang="en-US" altLang="ja-JP" sz="2400" b="1" dirty="0">
              <a:latin typeface="AR P丸ゴシック体M" pitchFamily="50" charset="-128"/>
              <a:ea typeface="AR P丸ゴシック体M" pitchFamily="50" charset="-128"/>
            </a:endParaRPr>
          </a:p>
          <a:p>
            <a:pPr algn="l">
              <a:defRPr/>
            </a:pPr>
            <a:r>
              <a:rPr lang="ja-JP" altLang="en-US" sz="2400" b="1" dirty="0">
                <a:latin typeface="AR P丸ゴシック体M" pitchFamily="50" charset="-128"/>
                <a:ea typeface="AR P丸ゴシック体M" pitchFamily="50" charset="-128"/>
              </a:rPr>
              <a:t>　　　　　　　コンサルの受注額を上回る場合も　</a:t>
            </a:r>
            <a:endParaRPr lang="en-US" altLang="ja-JP" sz="2400" b="1" dirty="0">
              <a:latin typeface="AR P丸ゴシック体M" pitchFamily="50" charset="-128"/>
              <a:ea typeface="AR P丸ゴシック体M" pitchFamily="50" charset="-128"/>
            </a:endParaRPr>
          </a:p>
          <a:p>
            <a:pPr algn="l">
              <a:defRPr/>
            </a:pPr>
            <a:endParaRPr lang="en-US" altLang="ja-JP" sz="2400" b="1" dirty="0">
              <a:latin typeface="AR P丸ゴシック体M" pitchFamily="50" charset="-128"/>
              <a:ea typeface="AR P丸ゴシック体M" pitchFamily="50" charset="-128"/>
            </a:endParaRPr>
          </a:p>
          <a:p>
            <a:pPr algn="l">
              <a:defRPr/>
            </a:pPr>
            <a:endParaRPr lang="en-US" altLang="ja-JP" sz="2400" b="1" dirty="0">
              <a:latin typeface="AR P丸ゴシック体M" pitchFamily="50" charset="-128"/>
              <a:ea typeface="AR P丸ゴシック体M" pitchFamily="50" charset="-128"/>
            </a:endParaRPr>
          </a:p>
          <a:p>
            <a:pPr algn="l">
              <a:defRPr/>
            </a:pPr>
            <a:r>
              <a:rPr lang="ja-JP" altLang="en-US" sz="2400" b="1" dirty="0">
                <a:latin typeface="AR P丸ゴシック体M" pitchFamily="50" charset="-128"/>
                <a:ea typeface="AR P丸ゴシック体M" pitchFamily="50" charset="-128"/>
              </a:rPr>
              <a:t>　　　設計ミスによる損害　受注金額にかかわらず補てん</a:t>
            </a:r>
            <a:endParaRPr lang="en-US" altLang="ja-JP" sz="2400" b="1" dirty="0">
              <a:latin typeface="AR P丸ゴシック体M" pitchFamily="50" charset="-128"/>
              <a:ea typeface="AR P丸ゴシック体M" pitchFamily="50" charset="-128"/>
            </a:endParaRPr>
          </a:p>
          <a:p>
            <a:pPr algn="l">
              <a:defRPr/>
            </a:pPr>
            <a:r>
              <a:rPr lang="ja-JP" altLang="en-US" sz="2400" b="1" dirty="0">
                <a:latin typeface="AR P丸ゴシック体M" pitchFamily="50" charset="-128"/>
                <a:ea typeface="AR P丸ゴシック体M" pitchFamily="50" charset="-128"/>
              </a:rPr>
              <a:t>　　　　設計瑕疵に関する保険もある。</a:t>
            </a:r>
            <a:endParaRPr lang="en-US" altLang="ja-JP" sz="2400" b="1" dirty="0">
              <a:latin typeface="AR P丸ゴシック体M" pitchFamily="50" charset="-128"/>
              <a:ea typeface="AR P丸ゴシック体M" pitchFamily="50" charset="-128"/>
            </a:endParaRPr>
          </a:p>
          <a:p>
            <a:pPr algn="l">
              <a:defRPr/>
            </a:pPr>
            <a:endParaRPr lang="en-US" altLang="ja-JP" sz="2400" b="1" dirty="0">
              <a:latin typeface="AR P丸ゴシック体M" pitchFamily="50" charset="-128"/>
              <a:ea typeface="AR P丸ゴシック体M" pitchFamily="50" charset="-128"/>
            </a:endParaRPr>
          </a:p>
          <a:p>
            <a:pPr algn="l">
              <a:defRPr/>
            </a:pPr>
            <a:r>
              <a:rPr lang="ja-JP" altLang="en-US" sz="2400" b="1" dirty="0">
                <a:latin typeface="AR P丸ゴシック体M" pitchFamily="50" charset="-128"/>
                <a:ea typeface="AR P丸ゴシック体M" pitchFamily="50" charset="-128"/>
              </a:rPr>
              <a:t>　</a:t>
            </a:r>
            <a:r>
              <a:rPr lang="en-US" altLang="ja-JP" sz="2400" b="1" dirty="0">
                <a:latin typeface="AR P丸ゴシック体M" pitchFamily="50" charset="-128"/>
                <a:ea typeface="AR P丸ゴシック体M" pitchFamily="50" charset="-128"/>
              </a:rPr>
              <a:t>※</a:t>
            </a:r>
            <a:r>
              <a:rPr lang="ja-JP" altLang="en-US" sz="2400" b="1" dirty="0">
                <a:latin typeface="AR P丸ゴシック体M" pitchFamily="50" charset="-128"/>
                <a:ea typeface="AR P丸ゴシック体M" pitchFamily="50" charset="-128"/>
              </a:rPr>
              <a:t>昔は、ゼネコンや橋梁メーカーがコンサルの裏設計を実施</a:t>
            </a:r>
            <a:endParaRPr lang="en-US" altLang="ja-JP" sz="2400" b="1" dirty="0">
              <a:latin typeface="AR P丸ゴシック体M" pitchFamily="50" charset="-128"/>
              <a:ea typeface="AR P丸ゴシック体M" pitchFamily="50" charset="-128"/>
            </a:endParaRPr>
          </a:p>
          <a:p>
            <a:pPr algn="l">
              <a:defRPr/>
            </a:pPr>
            <a:r>
              <a:rPr lang="ja-JP" altLang="en-US" sz="2400" b="1" dirty="0">
                <a:latin typeface="AR P丸ゴシック体M" pitchFamily="50" charset="-128"/>
                <a:ea typeface="AR P丸ゴシック体M" pitchFamily="50" charset="-128"/>
              </a:rPr>
              <a:t>　　工事の受注金額にも余裕があったのでサービス。</a:t>
            </a:r>
            <a:endParaRPr lang="en-US" altLang="ja-JP" sz="2400" b="1" dirty="0">
              <a:latin typeface="AR P丸ゴシック体M" pitchFamily="50" charset="-128"/>
              <a:ea typeface="AR P丸ゴシック体M" pitchFamily="50" charset="-128"/>
            </a:endParaRPr>
          </a:p>
          <a:p>
            <a:pPr>
              <a:defRPr/>
            </a:pPr>
            <a:endParaRPr lang="en-US" altLang="ja-JP" b="1" dirty="0">
              <a:latin typeface="AR P丸ゴシック体M" pitchFamily="50" charset="-128"/>
              <a:ea typeface="AR P丸ゴシック体M" pitchFamily="50" charset="-128"/>
            </a:endParaRPr>
          </a:p>
          <a:p>
            <a:pPr>
              <a:defRPr/>
            </a:pPr>
            <a:r>
              <a:rPr lang="ja-JP" altLang="en-US" sz="3600" b="1" dirty="0">
                <a:latin typeface="AR P丸ゴシック体M" pitchFamily="50" charset="-128"/>
                <a:ea typeface="AR P丸ゴシック体M" pitchFamily="50" charset="-128"/>
              </a:rPr>
              <a:t>おそらく点検ミスに関しても今後、</a:t>
            </a:r>
            <a:endParaRPr lang="en-US" altLang="ja-JP" sz="3600" b="1" dirty="0">
              <a:latin typeface="AR P丸ゴシック体M" pitchFamily="50" charset="-128"/>
              <a:ea typeface="AR P丸ゴシック体M" pitchFamily="50" charset="-128"/>
            </a:endParaRPr>
          </a:p>
          <a:p>
            <a:pPr>
              <a:defRPr/>
            </a:pPr>
            <a:r>
              <a:rPr lang="ja-JP" altLang="en-US" sz="3600" b="1" dirty="0">
                <a:latin typeface="AR P丸ゴシック体M" pitchFamily="50" charset="-128"/>
                <a:ea typeface="AR P丸ゴシック体M" pitchFamily="50" charset="-128"/>
              </a:rPr>
              <a:t>　瑕疵が問われる。</a:t>
            </a:r>
            <a:endParaRPr lang="en-US" altLang="ja-JP" sz="3600" b="1" dirty="0">
              <a:latin typeface="AR P丸ゴシック体M" pitchFamily="50" charset="-128"/>
              <a:ea typeface="AR P丸ゴシック体M" pitchFamily="50" charset="-128"/>
            </a:endParaRPr>
          </a:p>
        </p:txBody>
      </p:sp>
      <p:sp>
        <p:nvSpPr>
          <p:cNvPr id="18437" name="下矢印 1">
            <a:extLst>
              <a:ext uri="{FF2B5EF4-FFF2-40B4-BE49-F238E27FC236}">
                <a16:creationId xmlns:a16="http://schemas.microsoft.com/office/drawing/2014/main" id="{F1767FC8-CF91-C394-2EA4-97C8515824D1}"/>
              </a:ext>
            </a:extLst>
          </p:cNvPr>
          <p:cNvSpPr>
            <a:spLocks noChangeArrowheads="1"/>
          </p:cNvSpPr>
          <p:nvPr/>
        </p:nvSpPr>
        <p:spPr bwMode="auto">
          <a:xfrm>
            <a:off x="4583114" y="2808289"/>
            <a:ext cx="1800225" cy="490537"/>
          </a:xfrm>
          <a:prstGeom prst="downArrow">
            <a:avLst>
              <a:gd name="adj1" fmla="val 50000"/>
              <a:gd name="adj2" fmla="val 50000"/>
            </a:avLst>
          </a:prstGeom>
          <a:solidFill>
            <a:schemeClr val="accent1"/>
          </a:solidFill>
          <a:ln w="9525" algn="ctr">
            <a:solidFill>
              <a:schemeClr val="tx1"/>
            </a:solidFill>
            <a:round/>
            <a:headEnd/>
            <a:tailEnd/>
          </a:ln>
        </p:spPr>
        <p:txBody>
          <a:bodyPr wrap="none"/>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2400">
              <a:latin typeface="Tahoma" panose="020B0604030504040204" pitchFamily="34" charset="0"/>
            </a:endParaRPr>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a:extLst>
              <a:ext uri="{FF2B5EF4-FFF2-40B4-BE49-F238E27FC236}">
                <a16:creationId xmlns:a16="http://schemas.microsoft.com/office/drawing/2014/main" id="{F4709F2D-37F5-6BB7-DC1E-8EBC4762CDBE}"/>
              </a:ext>
            </a:extLst>
          </p:cNvPr>
          <p:cNvSpPr/>
          <p:nvPr/>
        </p:nvSpPr>
        <p:spPr>
          <a:xfrm>
            <a:off x="1543050" y="1047750"/>
            <a:ext cx="9144000" cy="1085850"/>
          </a:xfrm>
          <a:prstGeom prst="roundRect">
            <a:avLst/>
          </a:pr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a:p>
        </p:txBody>
      </p:sp>
      <p:sp>
        <p:nvSpPr>
          <p:cNvPr id="51203" name="テキスト ボックス 2">
            <a:extLst>
              <a:ext uri="{FF2B5EF4-FFF2-40B4-BE49-F238E27FC236}">
                <a16:creationId xmlns:a16="http://schemas.microsoft.com/office/drawing/2014/main" id="{1C38B216-807D-D5FD-8E80-DA983500FAE1}"/>
              </a:ext>
            </a:extLst>
          </p:cNvPr>
          <p:cNvSpPr txBox="1">
            <a:spLocks noChangeArrowheads="1"/>
          </p:cNvSpPr>
          <p:nvPr/>
        </p:nvSpPr>
        <p:spPr bwMode="auto">
          <a:xfrm>
            <a:off x="2019300" y="1050925"/>
            <a:ext cx="8191500" cy="1816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b="1" dirty="0">
                <a:latin typeface="HG丸ｺﾞｼｯｸM-PRO" panose="020F0600000000000000" pitchFamily="50" charset="-128"/>
                <a:ea typeface="HG丸ｺﾞｼｯｸM-PRO" panose="020F0600000000000000" pitchFamily="50" charset="-128"/>
              </a:rPr>
              <a:t>市　と　コンサルタントの　</a:t>
            </a:r>
            <a:endParaRPr lang="en-US" altLang="ja-JP" b="1" dirty="0">
              <a:latin typeface="HG丸ｺﾞｼｯｸM-PRO" panose="020F0600000000000000" pitchFamily="50" charset="-128"/>
              <a:ea typeface="HG丸ｺﾞｼｯｸM-PRO" panose="020F0600000000000000" pitchFamily="50" charset="-128"/>
            </a:endParaRPr>
          </a:p>
          <a:p>
            <a:pPr algn="ctr" eaLnBrk="1" hangingPunct="1">
              <a:spcBef>
                <a:spcPct val="0"/>
              </a:spcBef>
              <a:buFontTx/>
              <a:buNone/>
            </a:pPr>
            <a:r>
              <a:rPr lang="ja-JP" altLang="en-US" b="1" dirty="0">
                <a:latin typeface="HG丸ｺﾞｼｯｸM-PRO" panose="020F0600000000000000" pitchFamily="50" charset="-128"/>
                <a:ea typeface="HG丸ｺﾞｼｯｸM-PRO" panose="020F0600000000000000" pitchFamily="50" charset="-128"/>
              </a:rPr>
              <a:t>パートナーシップ　の確立</a:t>
            </a:r>
            <a:endParaRPr lang="en-US" altLang="ja-JP" b="1" dirty="0">
              <a:latin typeface="HG丸ｺﾞｼｯｸM-PRO" panose="020F0600000000000000" pitchFamily="50" charset="-128"/>
              <a:ea typeface="HG丸ｺﾞｼｯｸM-PRO" panose="020F0600000000000000" pitchFamily="50" charset="-128"/>
            </a:endParaRPr>
          </a:p>
          <a:p>
            <a:pPr eaLnBrk="1" hangingPunct="1">
              <a:spcBef>
                <a:spcPct val="0"/>
              </a:spcBef>
              <a:buFontTx/>
              <a:buNone/>
            </a:pPr>
            <a:endParaRPr lang="en-US" altLang="ja-JP" sz="2400" b="1" dirty="0">
              <a:latin typeface="Arial" panose="020B0604020202020204" pitchFamily="34" charset="0"/>
            </a:endParaRPr>
          </a:p>
          <a:p>
            <a:pPr eaLnBrk="1" hangingPunct="1">
              <a:spcBef>
                <a:spcPct val="0"/>
              </a:spcBef>
              <a:buFontTx/>
              <a:buNone/>
            </a:pPr>
            <a:r>
              <a:rPr lang="ja-JP" altLang="en-US" sz="2400" b="1" dirty="0">
                <a:latin typeface="Arial" panose="020B0604020202020204" pitchFamily="34" charset="0"/>
              </a:rPr>
              <a:t>　　　　</a:t>
            </a:r>
          </a:p>
        </p:txBody>
      </p:sp>
      <p:sp>
        <p:nvSpPr>
          <p:cNvPr id="11" name="角丸四角形 10">
            <a:extLst>
              <a:ext uri="{FF2B5EF4-FFF2-40B4-BE49-F238E27FC236}">
                <a16:creationId xmlns:a16="http://schemas.microsoft.com/office/drawing/2014/main" id="{C82A099A-84BC-5CC8-E5AC-CF230D72F791}"/>
              </a:ext>
            </a:extLst>
          </p:cNvPr>
          <p:cNvSpPr/>
          <p:nvPr/>
        </p:nvSpPr>
        <p:spPr>
          <a:xfrm>
            <a:off x="1524000" y="15875"/>
            <a:ext cx="9144000" cy="1036638"/>
          </a:xfrm>
          <a:prstGeom prst="roundRect">
            <a:avLst/>
          </a:prstGeom>
          <a:solidFill>
            <a:schemeClr val="tx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3600" b="1" dirty="0">
                <a:solidFill>
                  <a:srgbClr val="FF0000"/>
                </a:solidFill>
                <a:latin typeface="HG丸ｺﾞｼｯｸM-PRO" panose="020F0600000000000000" pitchFamily="50" charset="-128"/>
                <a:ea typeface="HG丸ｺﾞｼｯｸM-PRO" panose="020F0600000000000000" pitchFamily="50" charset="-128"/>
              </a:rPr>
              <a:t>今後、必要と思われること</a:t>
            </a:r>
          </a:p>
        </p:txBody>
      </p:sp>
      <p:sp>
        <p:nvSpPr>
          <p:cNvPr id="10" name="角丸四角形 9">
            <a:extLst>
              <a:ext uri="{FF2B5EF4-FFF2-40B4-BE49-F238E27FC236}">
                <a16:creationId xmlns:a16="http://schemas.microsoft.com/office/drawing/2014/main" id="{DC1F32F0-E01D-C507-78DD-8AD26C8CFC4F}"/>
              </a:ext>
            </a:extLst>
          </p:cNvPr>
          <p:cNvSpPr/>
          <p:nvPr/>
        </p:nvSpPr>
        <p:spPr>
          <a:xfrm>
            <a:off x="1500188" y="2708275"/>
            <a:ext cx="9144001" cy="403383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l">
              <a:defRPr/>
            </a:pPr>
            <a:r>
              <a:rPr lang="ja-JP" altLang="en-US" sz="3200" u="sng" dirty="0">
                <a:solidFill>
                  <a:schemeClr val="tx1"/>
                </a:solidFill>
                <a:latin typeface="HG丸ｺﾞｼｯｸM-PRO" panose="020F0600000000000000" pitchFamily="50" charset="-128"/>
                <a:ea typeface="HG丸ｺﾞｼｯｸM-PRO" panose="020F0600000000000000" pitchFamily="50" charset="-128"/>
              </a:rPr>
              <a:t>期待すること　</a:t>
            </a:r>
            <a:r>
              <a:rPr lang="ja-JP" altLang="en-US" sz="3200" dirty="0">
                <a:solidFill>
                  <a:schemeClr val="tx1"/>
                </a:solidFill>
                <a:latin typeface="HG丸ｺﾞｼｯｸM-PRO" panose="020F0600000000000000" pitchFamily="50" charset="-128"/>
                <a:ea typeface="HG丸ｺﾞｼｯｸM-PRO" panose="020F0600000000000000" pitchFamily="50" charset="-128"/>
              </a:rPr>
              <a:t>　　　</a:t>
            </a:r>
            <a:endParaRPr lang="en-US" altLang="ja-JP" sz="3200" dirty="0">
              <a:solidFill>
                <a:schemeClr val="tx1"/>
              </a:solidFill>
              <a:latin typeface="HG丸ｺﾞｼｯｸM-PRO" panose="020F0600000000000000" pitchFamily="50" charset="-128"/>
              <a:ea typeface="HG丸ｺﾞｼｯｸM-PRO" panose="020F0600000000000000" pitchFamily="50" charset="-128"/>
            </a:endParaRPr>
          </a:p>
          <a:p>
            <a:pPr algn="l">
              <a:defRPr/>
            </a:pPr>
            <a:r>
              <a:rPr lang="ja-JP" altLang="en-US" sz="3200" dirty="0">
                <a:solidFill>
                  <a:schemeClr val="tx1"/>
                </a:solidFill>
                <a:latin typeface="HG丸ｺﾞｼｯｸM-PRO" panose="020F0600000000000000" pitchFamily="50" charset="-128"/>
                <a:ea typeface="HG丸ｺﾞｼｯｸM-PRO" panose="020F0600000000000000" pitchFamily="50" charset="-128"/>
              </a:rPr>
              <a:t>　　・互いの理解（役割・立場の違い）</a:t>
            </a:r>
            <a:endParaRPr lang="en-US" altLang="ja-JP" sz="3200" dirty="0">
              <a:solidFill>
                <a:schemeClr val="tx1"/>
              </a:solidFill>
              <a:latin typeface="HG丸ｺﾞｼｯｸM-PRO" panose="020F0600000000000000" pitchFamily="50" charset="-128"/>
              <a:ea typeface="HG丸ｺﾞｼｯｸM-PRO" panose="020F0600000000000000" pitchFamily="50" charset="-128"/>
            </a:endParaRPr>
          </a:p>
          <a:p>
            <a:pPr algn="l">
              <a:defRPr/>
            </a:pPr>
            <a:r>
              <a:rPr lang="ja-JP" altLang="en-US" sz="3200" dirty="0">
                <a:solidFill>
                  <a:schemeClr val="tx1"/>
                </a:solidFill>
                <a:latin typeface="HG丸ｺﾞｼｯｸM-PRO" panose="020F0600000000000000" pitchFamily="50" charset="-128"/>
                <a:ea typeface="HG丸ｺﾞｼｯｸM-PRO" panose="020F0600000000000000" pitchFamily="50" charset="-128"/>
              </a:rPr>
              <a:t>　　・互いの必要とする問題解決力の確立</a:t>
            </a:r>
            <a:endParaRPr lang="en-US" altLang="ja-JP" sz="3200" dirty="0">
              <a:solidFill>
                <a:schemeClr val="tx1"/>
              </a:solidFill>
              <a:latin typeface="HG丸ｺﾞｼｯｸM-PRO" panose="020F0600000000000000" pitchFamily="50" charset="-128"/>
              <a:ea typeface="HG丸ｺﾞｼｯｸM-PRO" panose="020F0600000000000000" pitchFamily="50" charset="-128"/>
            </a:endParaRPr>
          </a:p>
          <a:p>
            <a:pPr algn="l">
              <a:defRPr/>
            </a:pPr>
            <a:r>
              <a:rPr lang="ja-JP" altLang="en-US" sz="3200" dirty="0">
                <a:solidFill>
                  <a:schemeClr val="tx1"/>
                </a:solidFill>
                <a:latin typeface="HG丸ｺﾞｼｯｸM-PRO" panose="020F0600000000000000" pitchFamily="50" charset="-128"/>
                <a:ea typeface="HG丸ｺﾞｼｯｸM-PRO" panose="020F0600000000000000" pitchFamily="50" charset="-128"/>
              </a:rPr>
              <a:t>　　・社会的要望の把握と要対応事項</a:t>
            </a:r>
            <a:endParaRPr lang="en-US" altLang="ja-JP" sz="3200" dirty="0">
              <a:solidFill>
                <a:schemeClr val="tx1"/>
              </a:solidFill>
              <a:latin typeface="HG丸ｺﾞｼｯｸM-PRO" panose="020F0600000000000000" pitchFamily="50" charset="-128"/>
              <a:ea typeface="HG丸ｺﾞｼｯｸM-PRO" panose="020F0600000000000000" pitchFamily="50" charset="-128"/>
            </a:endParaRPr>
          </a:p>
          <a:p>
            <a:pPr algn="l">
              <a:defRPr/>
            </a:pPr>
            <a:r>
              <a:rPr lang="ja-JP" altLang="en-US" sz="3200" u="sng" dirty="0">
                <a:solidFill>
                  <a:schemeClr val="tx1"/>
                </a:solidFill>
                <a:latin typeface="HG丸ｺﾞｼｯｸM-PRO" panose="020F0600000000000000" pitchFamily="50" charset="-128"/>
                <a:ea typeface="HG丸ｺﾞｼｯｸM-PRO" panose="020F0600000000000000" pitchFamily="50" charset="-128"/>
              </a:rPr>
              <a:t>レベルアップ　⇒若手</a:t>
            </a:r>
            <a:r>
              <a:rPr lang="ja-JP" altLang="en-US" sz="3200" dirty="0">
                <a:solidFill>
                  <a:schemeClr val="tx1"/>
                </a:solidFill>
                <a:latin typeface="HG丸ｺﾞｼｯｸM-PRO" panose="020F0600000000000000" pitchFamily="50" charset="-128"/>
                <a:ea typeface="HG丸ｺﾞｼｯｸM-PRO" panose="020F0600000000000000" pitchFamily="50" charset="-128"/>
              </a:rPr>
              <a:t>　　　　</a:t>
            </a:r>
            <a:endParaRPr lang="en-US" altLang="ja-JP" sz="3200" dirty="0">
              <a:solidFill>
                <a:schemeClr val="tx1"/>
              </a:solidFill>
              <a:latin typeface="HG丸ｺﾞｼｯｸM-PRO" panose="020F0600000000000000" pitchFamily="50" charset="-128"/>
              <a:ea typeface="HG丸ｺﾞｼｯｸM-PRO" panose="020F0600000000000000" pitchFamily="50" charset="-128"/>
            </a:endParaRPr>
          </a:p>
          <a:p>
            <a:pPr algn="l">
              <a:defRPr/>
            </a:pPr>
            <a:r>
              <a:rPr lang="ja-JP" altLang="en-US" sz="3200" dirty="0">
                <a:solidFill>
                  <a:schemeClr val="tx1"/>
                </a:solidFill>
                <a:latin typeface="HG丸ｺﾞｼｯｸM-PRO" panose="020F0600000000000000" pitchFamily="50" charset="-128"/>
                <a:ea typeface="HG丸ｺﾞｼｯｸM-PRO" panose="020F0600000000000000" pitchFamily="50" charset="-128"/>
              </a:rPr>
              <a:t>　　勉強会、意見交換会の実施　</a:t>
            </a:r>
            <a:endParaRPr lang="en-US" altLang="ja-JP" sz="3200" dirty="0">
              <a:solidFill>
                <a:schemeClr val="tx1"/>
              </a:solidFill>
              <a:latin typeface="HG丸ｺﾞｼｯｸM-PRO" panose="020F0600000000000000" pitchFamily="50" charset="-128"/>
              <a:ea typeface="HG丸ｺﾞｼｯｸM-PRO" panose="020F0600000000000000" pitchFamily="50" charset="-128"/>
            </a:endParaRPr>
          </a:p>
          <a:p>
            <a:pPr algn="l">
              <a:defRPr/>
            </a:pPr>
            <a:r>
              <a:rPr lang="ja-JP" altLang="en-US" sz="3200" dirty="0">
                <a:solidFill>
                  <a:schemeClr val="tx1"/>
                </a:solidFill>
                <a:latin typeface="HG丸ｺﾞｼｯｸM-PRO" panose="020F0600000000000000" pitchFamily="50" charset="-128"/>
                <a:ea typeface="HG丸ｺﾞｼｯｸM-PRO" panose="020F0600000000000000" pitchFamily="50" charset="-128"/>
              </a:rPr>
              <a:t>　　　　　　　　　　場合によれば個別指導</a:t>
            </a:r>
            <a:endParaRPr lang="en-US" altLang="ja-JP" sz="3200" dirty="0">
              <a:solidFill>
                <a:schemeClr val="tx1"/>
              </a:solidFill>
              <a:latin typeface="HG丸ｺﾞｼｯｸM-PRO" panose="020F0600000000000000" pitchFamily="50" charset="-128"/>
              <a:ea typeface="HG丸ｺﾞｼｯｸM-PRO" panose="020F0600000000000000" pitchFamily="50" charset="-128"/>
            </a:endParaRPr>
          </a:p>
        </p:txBody>
      </p:sp>
      <p:sp>
        <p:nvSpPr>
          <p:cNvPr id="3" name="下矢印 2">
            <a:extLst>
              <a:ext uri="{FF2B5EF4-FFF2-40B4-BE49-F238E27FC236}">
                <a16:creationId xmlns:a16="http://schemas.microsoft.com/office/drawing/2014/main" id="{5A17F374-0EE9-C00D-291D-588E5913EA0A}"/>
              </a:ext>
            </a:extLst>
          </p:cNvPr>
          <p:cNvSpPr/>
          <p:nvPr/>
        </p:nvSpPr>
        <p:spPr>
          <a:xfrm>
            <a:off x="5303838" y="2205039"/>
            <a:ext cx="1223962" cy="503237"/>
          </a:xfrm>
          <a:prstGeom prst="downArrow">
            <a:avLst>
              <a:gd name="adj1" fmla="val 50000"/>
              <a:gd name="adj2" fmla="val 100000"/>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a:p>
        </p:txBody>
      </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466BA885-DF7A-439B-91D5-07000D45374A}"/>
              </a:ext>
            </a:extLst>
          </p:cNvPr>
          <p:cNvSpPr>
            <a:spLocks noGrp="1"/>
          </p:cNvSpPr>
          <p:nvPr>
            <p:ph type="title"/>
          </p:nvPr>
        </p:nvSpPr>
        <p:spPr>
          <a:xfrm>
            <a:off x="1209675" y="365125"/>
            <a:ext cx="9029700" cy="473075"/>
          </a:xfrm>
        </p:spPr>
        <p:txBody>
          <a:bodyPr>
            <a:noAutofit/>
          </a:bodyPr>
          <a:lstStyle/>
          <a:p>
            <a:r>
              <a:rPr kumimoji="1" lang="ja-JP" altLang="en-US" sz="3200" dirty="0"/>
              <a:t>発注手法（契約相手先選定）の一つ</a:t>
            </a:r>
          </a:p>
        </p:txBody>
      </p:sp>
      <p:sp>
        <p:nvSpPr>
          <p:cNvPr id="4" name="正方形/長方形 3">
            <a:extLst>
              <a:ext uri="{FF2B5EF4-FFF2-40B4-BE49-F238E27FC236}">
                <a16:creationId xmlns:a16="http://schemas.microsoft.com/office/drawing/2014/main" id="{7E4384E8-7AF7-49DF-8EF4-1F05B762F3BB}"/>
              </a:ext>
            </a:extLst>
          </p:cNvPr>
          <p:cNvSpPr/>
          <p:nvPr/>
        </p:nvSpPr>
        <p:spPr>
          <a:xfrm>
            <a:off x="581025" y="2003425"/>
            <a:ext cx="1828800" cy="1828800"/>
          </a:xfrm>
          <a:prstGeom prst="rect">
            <a:avLst/>
          </a:prstGeom>
          <a:solidFill>
            <a:srgbClr val="FFC000"/>
          </a:solidFill>
          <a:ln>
            <a:noFill/>
          </a:ln>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dirty="0"/>
              <a:t>公共発注業務</a:t>
            </a:r>
            <a:endParaRPr kumimoji="1" lang="en-US" altLang="ja-JP" dirty="0"/>
          </a:p>
          <a:p>
            <a:pPr algn="ctr"/>
            <a:endParaRPr kumimoji="1" lang="en-US" altLang="ja-JP" dirty="0"/>
          </a:p>
          <a:p>
            <a:pPr algn="ctr"/>
            <a:endParaRPr kumimoji="1" lang="ja-JP" altLang="en-US" dirty="0"/>
          </a:p>
        </p:txBody>
      </p:sp>
      <p:sp>
        <p:nvSpPr>
          <p:cNvPr id="5" name="四角形: 角を丸くする 4">
            <a:extLst>
              <a:ext uri="{FF2B5EF4-FFF2-40B4-BE49-F238E27FC236}">
                <a16:creationId xmlns:a16="http://schemas.microsoft.com/office/drawing/2014/main" id="{D5B95CD2-1EF7-42C2-B9D9-5F7C66CEE3D4}"/>
              </a:ext>
            </a:extLst>
          </p:cNvPr>
          <p:cNvSpPr/>
          <p:nvPr/>
        </p:nvSpPr>
        <p:spPr>
          <a:xfrm>
            <a:off x="3571875" y="1295400"/>
            <a:ext cx="1828800" cy="619125"/>
          </a:xfrm>
          <a:prstGeom prst="roundRect">
            <a:avLst/>
          </a:prstGeom>
          <a:ln>
            <a:noFill/>
          </a:ln>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dirty="0"/>
              <a:t>随意契約</a:t>
            </a:r>
          </a:p>
        </p:txBody>
      </p:sp>
      <p:sp>
        <p:nvSpPr>
          <p:cNvPr id="6" name="四角形: 角を丸くする 5">
            <a:extLst>
              <a:ext uri="{FF2B5EF4-FFF2-40B4-BE49-F238E27FC236}">
                <a16:creationId xmlns:a16="http://schemas.microsoft.com/office/drawing/2014/main" id="{F65D70B4-8B04-4202-9132-BA982367BF54}"/>
              </a:ext>
            </a:extLst>
          </p:cNvPr>
          <p:cNvSpPr/>
          <p:nvPr/>
        </p:nvSpPr>
        <p:spPr>
          <a:xfrm>
            <a:off x="3571875" y="2076450"/>
            <a:ext cx="1828800" cy="619125"/>
          </a:xfrm>
          <a:prstGeom prst="roundRect">
            <a:avLst/>
          </a:prstGeom>
          <a:ln>
            <a:noFill/>
          </a:ln>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dirty="0"/>
              <a:t>金額入札</a:t>
            </a:r>
          </a:p>
        </p:txBody>
      </p:sp>
      <p:sp>
        <p:nvSpPr>
          <p:cNvPr id="7" name="四角形: 角を丸くする 6">
            <a:extLst>
              <a:ext uri="{FF2B5EF4-FFF2-40B4-BE49-F238E27FC236}">
                <a16:creationId xmlns:a16="http://schemas.microsoft.com/office/drawing/2014/main" id="{F58DA742-EFCA-456A-8C2C-2613648D40EC}"/>
              </a:ext>
            </a:extLst>
          </p:cNvPr>
          <p:cNvSpPr/>
          <p:nvPr/>
        </p:nvSpPr>
        <p:spPr>
          <a:xfrm>
            <a:off x="6477000" y="2857500"/>
            <a:ext cx="1828800" cy="619125"/>
          </a:xfrm>
          <a:prstGeom prst="round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r>
              <a:rPr kumimoji="1" lang="ja-JP" altLang="en-US" dirty="0"/>
              <a:t>総合評価</a:t>
            </a:r>
            <a:endParaRPr kumimoji="1" lang="en-US" altLang="ja-JP" dirty="0"/>
          </a:p>
          <a:p>
            <a:pPr algn="ctr"/>
            <a:r>
              <a:rPr kumimoji="1" lang="ja-JP" altLang="en-US" dirty="0"/>
              <a:t>価格と内容</a:t>
            </a:r>
          </a:p>
        </p:txBody>
      </p:sp>
      <p:sp>
        <p:nvSpPr>
          <p:cNvPr id="8" name="四角形: 角を丸くする 7">
            <a:extLst>
              <a:ext uri="{FF2B5EF4-FFF2-40B4-BE49-F238E27FC236}">
                <a16:creationId xmlns:a16="http://schemas.microsoft.com/office/drawing/2014/main" id="{3B6E4A81-2C8D-480D-99DE-2518BA131B3B}"/>
              </a:ext>
            </a:extLst>
          </p:cNvPr>
          <p:cNvSpPr/>
          <p:nvPr/>
        </p:nvSpPr>
        <p:spPr>
          <a:xfrm>
            <a:off x="3581400" y="2847975"/>
            <a:ext cx="1828800" cy="619125"/>
          </a:xfrm>
          <a:prstGeom prst="roundRect">
            <a:avLst/>
          </a:prstGeom>
          <a:solidFill>
            <a:schemeClr val="accent6">
              <a:lumMod val="60000"/>
              <a:lumOff val="40000"/>
            </a:schemeClr>
          </a:solidFill>
          <a:ln w="57150">
            <a:solidFill>
              <a:srgbClr val="C00000"/>
            </a:solidFill>
          </a:ln>
        </p:spPr>
        <p:style>
          <a:lnRef idx="1">
            <a:schemeClr val="accent1"/>
          </a:lnRef>
          <a:fillRef idx="2">
            <a:schemeClr val="accent1"/>
          </a:fillRef>
          <a:effectRef idx="1">
            <a:schemeClr val="accent1"/>
          </a:effectRef>
          <a:fontRef idx="minor">
            <a:schemeClr val="dk1"/>
          </a:fontRef>
        </p:style>
        <p:txBody>
          <a:bodyPr rtlCol="0" anchor="ctr"/>
          <a:lstStyle/>
          <a:p>
            <a:pPr algn="ctr"/>
            <a:r>
              <a:rPr kumimoji="1" lang="ja-JP" altLang="en-US" dirty="0"/>
              <a:t>提案審査型</a:t>
            </a:r>
            <a:endParaRPr kumimoji="1" lang="en-US" altLang="ja-JP" dirty="0"/>
          </a:p>
          <a:p>
            <a:pPr algn="ctr"/>
            <a:r>
              <a:rPr kumimoji="1" lang="ja-JP" altLang="en-US" dirty="0"/>
              <a:t>入札</a:t>
            </a:r>
          </a:p>
        </p:txBody>
      </p:sp>
      <p:sp>
        <p:nvSpPr>
          <p:cNvPr id="9" name="四角形: 角を丸くする 8">
            <a:extLst>
              <a:ext uri="{FF2B5EF4-FFF2-40B4-BE49-F238E27FC236}">
                <a16:creationId xmlns:a16="http://schemas.microsoft.com/office/drawing/2014/main" id="{1CE7C624-6A32-44C2-9FBF-99C92810439A}"/>
              </a:ext>
            </a:extLst>
          </p:cNvPr>
          <p:cNvSpPr/>
          <p:nvPr/>
        </p:nvSpPr>
        <p:spPr>
          <a:xfrm>
            <a:off x="6477000" y="3629025"/>
            <a:ext cx="1828800" cy="619125"/>
          </a:xfrm>
          <a:prstGeom prst="round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r>
              <a:rPr kumimoji="1" lang="ja-JP" altLang="en-US" dirty="0"/>
              <a:t>公募プロポ</a:t>
            </a:r>
            <a:endParaRPr kumimoji="1" lang="en-US" altLang="ja-JP" dirty="0"/>
          </a:p>
          <a:p>
            <a:pPr algn="ctr"/>
            <a:r>
              <a:rPr kumimoji="1" lang="ja-JP" altLang="en-US" dirty="0"/>
              <a:t>価格と内容</a:t>
            </a:r>
          </a:p>
        </p:txBody>
      </p:sp>
      <p:sp>
        <p:nvSpPr>
          <p:cNvPr id="10" name="四角形: 角を丸くする 9">
            <a:extLst>
              <a:ext uri="{FF2B5EF4-FFF2-40B4-BE49-F238E27FC236}">
                <a16:creationId xmlns:a16="http://schemas.microsoft.com/office/drawing/2014/main" id="{31AEA19E-D072-458D-A319-946A6FF0AFFB}"/>
              </a:ext>
            </a:extLst>
          </p:cNvPr>
          <p:cNvSpPr/>
          <p:nvPr/>
        </p:nvSpPr>
        <p:spPr>
          <a:xfrm>
            <a:off x="6496050" y="4371975"/>
            <a:ext cx="1828800" cy="619125"/>
          </a:xfrm>
          <a:prstGeom prst="round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r>
              <a:rPr kumimoji="1" lang="ja-JP" altLang="en-US" dirty="0"/>
              <a:t>技術提案交渉方式</a:t>
            </a:r>
          </a:p>
        </p:txBody>
      </p:sp>
      <p:sp>
        <p:nvSpPr>
          <p:cNvPr id="11" name="四角形: 角を丸くする 10">
            <a:extLst>
              <a:ext uri="{FF2B5EF4-FFF2-40B4-BE49-F238E27FC236}">
                <a16:creationId xmlns:a16="http://schemas.microsoft.com/office/drawing/2014/main" id="{7A2F6A99-0AF1-4E8F-9520-7F41F7D1F7C4}"/>
              </a:ext>
            </a:extLst>
          </p:cNvPr>
          <p:cNvSpPr/>
          <p:nvPr/>
        </p:nvSpPr>
        <p:spPr>
          <a:xfrm>
            <a:off x="6515100" y="5124450"/>
            <a:ext cx="1828800" cy="619125"/>
          </a:xfrm>
          <a:prstGeom prst="round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r>
              <a:rPr kumimoji="1" lang="ja-JP" altLang="en-US" dirty="0"/>
              <a:t>契約相手先</a:t>
            </a:r>
            <a:endParaRPr kumimoji="1" lang="en-US" altLang="ja-JP" dirty="0"/>
          </a:p>
          <a:p>
            <a:pPr algn="ctr"/>
            <a:r>
              <a:rPr kumimoji="1" lang="ja-JP" altLang="en-US" dirty="0"/>
              <a:t>適性競争</a:t>
            </a:r>
          </a:p>
        </p:txBody>
      </p:sp>
      <p:sp>
        <p:nvSpPr>
          <p:cNvPr id="12" name="楕円 11">
            <a:extLst>
              <a:ext uri="{FF2B5EF4-FFF2-40B4-BE49-F238E27FC236}">
                <a16:creationId xmlns:a16="http://schemas.microsoft.com/office/drawing/2014/main" id="{FA977B63-74CE-4ED5-A043-D8F0E0D90E43}"/>
              </a:ext>
            </a:extLst>
          </p:cNvPr>
          <p:cNvSpPr/>
          <p:nvPr/>
        </p:nvSpPr>
        <p:spPr>
          <a:xfrm>
            <a:off x="5986462" y="1340644"/>
            <a:ext cx="2847975" cy="1057275"/>
          </a:xfrm>
          <a:prstGeom prst="ellipse">
            <a:avLst/>
          </a:prstGeom>
          <a:solidFill>
            <a:schemeClr val="accent2">
              <a:lumMod val="40000"/>
              <a:lumOff val="6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kumimoji="1" lang="ja-JP" altLang="en-US" dirty="0">
                <a:solidFill>
                  <a:schemeClr val="tx1"/>
                </a:solidFill>
              </a:rPr>
              <a:t>指名と公募</a:t>
            </a:r>
            <a:endParaRPr kumimoji="1" lang="en-US" altLang="ja-JP" dirty="0">
              <a:solidFill>
                <a:schemeClr val="tx1"/>
              </a:solidFill>
            </a:endParaRPr>
          </a:p>
          <a:p>
            <a:pPr algn="ctr"/>
            <a:endParaRPr kumimoji="1" lang="ja-JP" altLang="en-US" dirty="0"/>
          </a:p>
        </p:txBody>
      </p:sp>
      <p:sp>
        <p:nvSpPr>
          <p:cNvPr id="13" name="楕円 12">
            <a:extLst>
              <a:ext uri="{FF2B5EF4-FFF2-40B4-BE49-F238E27FC236}">
                <a16:creationId xmlns:a16="http://schemas.microsoft.com/office/drawing/2014/main" id="{D113C88C-DE55-4D2E-AF39-302E04C7D387}"/>
              </a:ext>
            </a:extLst>
          </p:cNvPr>
          <p:cNvSpPr/>
          <p:nvPr/>
        </p:nvSpPr>
        <p:spPr>
          <a:xfrm>
            <a:off x="8162923" y="2695574"/>
            <a:ext cx="3790951" cy="4162425"/>
          </a:xfrm>
          <a:prstGeom prst="ellipse">
            <a:avLst/>
          </a:prstGeom>
          <a:solidFill>
            <a:srgbClr val="FFFF00"/>
          </a:solidFill>
          <a:ln/>
        </p:spPr>
        <p:style>
          <a:lnRef idx="1">
            <a:schemeClr val="accent4"/>
          </a:lnRef>
          <a:fillRef idx="2">
            <a:schemeClr val="accent4"/>
          </a:fillRef>
          <a:effectRef idx="1">
            <a:schemeClr val="accent4"/>
          </a:effectRef>
          <a:fontRef idx="minor">
            <a:schemeClr val="dk1"/>
          </a:fontRef>
        </p:style>
        <p:txBody>
          <a:bodyPr rtlCol="0" anchor="ctr"/>
          <a:lstStyle/>
          <a:p>
            <a:pPr algn="ctr"/>
            <a:r>
              <a:rPr kumimoji="1" lang="ja-JP" altLang="en-US" sz="2400" b="1" dirty="0"/>
              <a:t>民間活力導入</a:t>
            </a:r>
            <a:endParaRPr kumimoji="1" lang="en-US" altLang="ja-JP" sz="2400" b="1" dirty="0"/>
          </a:p>
          <a:p>
            <a:pPr algn="ctr"/>
            <a:endParaRPr kumimoji="1" lang="en-US" altLang="ja-JP" dirty="0"/>
          </a:p>
          <a:p>
            <a:pPr algn="ctr"/>
            <a:r>
              <a:rPr kumimoji="1" lang="en-US" altLang="ja-JP" dirty="0"/>
              <a:t>PPP/PFI</a:t>
            </a:r>
            <a:r>
              <a:rPr kumimoji="1" lang="ja-JP" altLang="en-US" dirty="0"/>
              <a:t>、</a:t>
            </a:r>
            <a:endParaRPr kumimoji="1" lang="en-US" altLang="ja-JP" dirty="0"/>
          </a:p>
          <a:p>
            <a:pPr algn="ctr"/>
            <a:r>
              <a:rPr kumimoji="1" lang="ja-JP" altLang="en-US" dirty="0"/>
              <a:t>コンセッション、包括</a:t>
            </a:r>
            <a:endParaRPr kumimoji="1" lang="en-US" altLang="ja-JP" dirty="0"/>
          </a:p>
          <a:p>
            <a:pPr algn="ctr"/>
            <a:endParaRPr kumimoji="1" lang="en-US" altLang="ja-JP" dirty="0"/>
          </a:p>
          <a:p>
            <a:pPr algn="ctr"/>
            <a:endParaRPr kumimoji="1" lang="en-US" altLang="ja-JP" dirty="0"/>
          </a:p>
          <a:p>
            <a:pPr algn="ctr"/>
            <a:r>
              <a:rPr kumimoji="1" lang="ja-JP" altLang="en-US" dirty="0"/>
              <a:t>公共事業と民間収益</a:t>
            </a:r>
            <a:endParaRPr kumimoji="1" lang="en-US" altLang="ja-JP" dirty="0"/>
          </a:p>
          <a:p>
            <a:pPr algn="ctr"/>
            <a:r>
              <a:rPr kumimoji="1" lang="ja-JP" altLang="en-US" dirty="0"/>
              <a:t>民間の資金調達</a:t>
            </a:r>
            <a:endParaRPr kumimoji="1" lang="en-US" altLang="ja-JP" dirty="0"/>
          </a:p>
          <a:p>
            <a:pPr algn="ctr"/>
            <a:r>
              <a:rPr kumimoji="1" lang="ja-JP" altLang="en-US" dirty="0"/>
              <a:t>長期契約</a:t>
            </a:r>
            <a:endParaRPr kumimoji="1" lang="en-US" altLang="ja-JP" dirty="0"/>
          </a:p>
          <a:p>
            <a:pPr algn="ctr"/>
            <a:endParaRPr kumimoji="1" lang="en-US" altLang="ja-JP" dirty="0"/>
          </a:p>
          <a:p>
            <a:pPr algn="ctr"/>
            <a:r>
              <a:rPr kumimoji="1" lang="ja-JP" altLang="en-US" dirty="0"/>
              <a:t>民間の資金と技術力合理性や生産性</a:t>
            </a:r>
            <a:endParaRPr kumimoji="1" lang="en-US" altLang="ja-JP" dirty="0"/>
          </a:p>
          <a:p>
            <a:pPr algn="ctr"/>
            <a:r>
              <a:rPr lang="ja-JP" altLang="en-US" dirty="0"/>
              <a:t>官庁支援</a:t>
            </a:r>
            <a:endParaRPr kumimoji="1" lang="ja-JP" altLang="en-US" dirty="0"/>
          </a:p>
        </p:txBody>
      </p:sp>
      <p:cxnSp>
        <p:nvCxnSpPr>
          <p:cNvPr id="15" name="直線矢印コネクタ 14">
            <a:extLst>
              <a:ext uri="{FF2B5EF4-FFF2-40B4-BE49-F238E27FC236}">
                <a16:creationId xmlns:a16="http://schemas.microsoft.com/office/drawing/2014/main" id="{8A5E7179-FD62-4296-9593-443A1486C16C}"/>
              </a:ext>
            </a:extLst>
          </p:cNvPr>
          <p:cNvCxnSpPr>
            <a:stCxn id="4" idx="3"/>
          </p:cNvCxnSpPr>
          <p:nvPr/>
        </p:nvCxnSpPr>
        <p:spPr>
          <a:xfrm>
            <a:off x="2409825" y="2917825"/>
            <a:ext cx="552450" cy="6350"/>
          </a:xfrm>
          <a:prstGeom prst="straightConnector1">
            <a:avLst/>
          </a:prstGeom>
          <a:ln>
            <a:tailEnd type="triangle"/>
          </a:ln>
        </p:spPr>
        <p:style>
          <a:lnRef idx="1">
            <a:schemeClr val="accent2"/>
          </a:lnRef>
          <a:fillRef idx="0">
            <a:schemeClr val="accent2"/>
          </a:fillRef>
          <a:effectRef idx="0">
            <a:schemeClr val="accent2"/>
          </a:effectRef>
          <a:fontRef idx="minor">
            <a:schemeClr val="tx1"/>
          </a:fontRef>
        </p:style>
      </p:cxnSp>
      <p:cxnSp>
        <p:nvCxnSpPr>
          <p:cNvPr id="17" name="直線コネクタ 16">
            <a:extLst>
              <a:ext uri="{FF2B5EF4-FFF2-40B4-BE49-F238E27FC236}">
                <a16:creationId xmlns:a16="http://schemas.microsoft.com/office/drawing/2014/main" id="{8A79A56E-0477-4346-8145-3F99843E26E0}"/>
              </a:ext>
            </a:extLst>
          </p:cNvPr>
          <p:cNvCxnSpPr/>
          <p:nvPr/>
        </p:nvCxnSpPr>
        <p:spPr>
          <a:xfrm>
            <a:off x="2981325" y="1609725"/>
            <a:ext cx="0" cy="1543050"/>
          </a:xfrm>
          <a:prstGeom prst="line">
            <a:avLst/>
          </a:prstGeom>
        </p:spPr>
        <p:style>
          <a:lnRef idx="1">
            <a:schemeClr val="accent2"/>
          </a:lnRef>
          <a:fillRef idx="0">
            <a:schemeClr val="accent2"/>
          </a:fillRef>
          <a:effectRef idx="0">
            <a:schemeClr val="accent2"/>
          </a:effectRef>
          <a:fontRef idx="minor">
            <a:schemeClr val="tx1"/>
          </a:fontRef>
        </p:style>
      </p:cxnSp>
      <p:cxnSp>
        <p:nvCxnSpPr>
          <p:cNvPr id="18" name="直線矢印コネクタ 17">
            <a:extLst>
              <a:ext uri="{FF2B5EF4-FFF2-40B4-BE49-F238E27FC236}">
                <a16:creationId xmlns:a16="http://schemas.microsoft.com/office/drawing/2014/main" id="{C86B86E2-811B-410C-885A-35211C8C1E3E}"/>
              </a:ext>
            </a:extLst>
          </p:cNvPr>
          <p:cNvCxnSpPr/>
          <p:nvPr/>
        </p:nvCxnSpPr>
        <p:spPr>
          <a:xfrm>
            <a:off x="3019425" y="1608137"/>
            <a:ext cx="552450" cy="6350"/>
          </a:xfrm>
          <a:prstGeom prst="straightConnector1">
            <a:avLst/>
          </a:prstGeom>
          <a:ln>
            <a:tailEnd type="triangle"/>
          </a:ln>
        </p:spPr>
        <p:style>
          <a:lnRef idx="1">
            <a:schemeClr val="accent2"/>
          </a:lnRef>
          <a:fillRef idx="0">
            <a:schemeClr val="accent2"/>
          </a:fillRef>
          <a:effectRef idx="0">
            <a:schemeClr val="accent2"/>
          </a:effectRef>
          <a:fontRef idx="minor">
            <a:schemeClr val="tx1"/>
          </a:fontRef>
        </p:style>
      </p:cxnSp>
      <p:cxnSp>
        <p:nvCxnSpPr>
          <p:cNvPr id="19" name="直線矢印コネクタ 18">
            <a:extLst>
              <a:ext uri="{FF2B5EF4-FFF2-40B4-BE49-F238E27FC236}">
                <a16:creationId xmlns:a16="http://schemas.microsoft.com/office/drawing/2014/main" id="{66917E0C-3A20-4223-8E7F-CADB3BA8FAAE}"/>
              </a:ext>
            </a:extLst>
          </p:cNvPr>
          <p:cNvCxnSpPr/>
          <p:nvPr/>
        </p:nvCxnSpPr>
        <p:spPr>
          <a:xfrm>
            <a:off x="2981325" y="2374900"/>
            <a:ext cx="552450" cy="6350"/>
          </a:xfrm>
          <a:prstGeom prst="straightConnector1">
            <a:avLst/>
          </a:prstGeom>
          <a:ln>
            <a:tailEnd type="triangle"/>
          </a:ln>
        </p:spPr>
        <p:style>
          <a:lnRef idx="1">
            <a:schemeClr val="accent2"/>
          </a:lnRef>
          <a:fillRef idx="0">
            <a:schemeClr val="accent2"/>
          </a:fillRef>
          <a:effectRef idx="0">
            <a:schemeClr val="accent2"/>
          </a:effectRef>
          <a:fontRef idx="minor">
            <a:schemeClr val="tx1"/>
          </a:fontRef>
        </p:style>
      </p:cxnSp>
      <p:cxnSp>
        <p:nvCxnSpPr>
          <p:cNvPr id="20" name="直線矢印コネクタ 19">
            <a:extLst>
              <a:ext uri="{FF2B5EF4-FFF2-40B4-BE49-F238E27FC236}">
                <a16:creationId xmlns:a16="http://schemas.microsoft.com/office/drawing/2014/main" id="{13F1225F-C2B8-4F2E-9844-A1DAD07A589D}"/>
              </a:ext>
            </a:extLst>
          </p:cNvPr>
          <p:cNvCxnSpPr/>
          <p:nvPr/>
        </p:nvCxnSpPr>
        <p:spPr>
          <a:xfrm>
            <a:off x="2976562" y="3135313"/>
            <a:ext cx="552450" cy="6350"/>
          </a:xfrm>
          <a:prstGeom prst="straightConnector1">
            <a:avLst/>
          </a:prstGeom>
          <a:ln>
            <a:tailEnd type="triangle"/>
          </a:ln>
        </p:spPr>
        <p:style>
          <a:lnRef idx="1">
            <a:schemeClr val="accent2"/>
          </a:lnRef>
          <a:fillRef idx="0">
            <a:schemeClr val="accent2"/>
          </a:fillRef>
          <a:effectRef idx="0">
            <a:schemeClr val="accent2"/>
          </a:effectRef>
          <a:fontRef idx="minor">
            <a:schemeClr val="tx1"/>
          </a:fontRef>
        </p:style>
      </p:cxnSp>
      <p:cxnSp>
        <p:nvCxnSpPr>
          <p:cNvPr id="21" name="直線矢印コネクタ 20">
            <a:extLst>
              <a:ext uri="{FF2B5EF4-FFF2-40B4-BE49-F238E27FC236}">
                <a16:creationId xmlns:a16="http://schemas.microsoft.com/office/drawing/2014/main" id="{C74DCB96-455E-43B2-88B7-D0365EAD004B}"/>
              </a:ext>
            </a:extLst>
          </p:cNvPr>
          <p:cNvCxnSpPr/>
          <p:nvPr/>
        </p:nvCxnSpPr>
        <p:spPr>
          <a:xfrm>
            <a:off x="5486399" y="3165475"/>
            <a:ext cx="552450" cy="6350"/>
          </a:xfrm>
          <a:prstGeom prst="straightConnector1">
            <a:avLst/>
          </a:prstGeom>
          <a:ln>
            <a:tailEnd type="triangle"/>
          </a:ln>
        </p:spPr>
        <p:style>
          <a:lnRef idx="1">
            <a:schemeClr val="accent2"/>
          </a:lnRef>
          <a:fillRef idx="0">
            <a:schemeClr val="accent2"/>
          </a:fillRef>
          <a:effectRef idx="0">
            <a:schemeClr val="accent2"/>
          </a:effectRef>
          <a:fontRef idx="minor">
            <a:schemeClr val="tx1"/>
          </a:fontRef>
        </p:style>
      </p:cxnSp>
      <p:cxnSp>
        <p:nvCxnSpPr>
          <p:cNvPr id="22" name="直線コネクタ 21">
            <a:extLst>
              <a:ext uri="{FF2B5EF4-FFF2-40B4-BE49-F238E27FC236}">
                <a16:creationId xmlns:a16="http://schemas.microsoft.com/office/drawing/2014/main" id="{30EC7D28-33FD-485D-877F-B3B9802231AC}"/>
              </a:ext>
            </a:extLst>
          </p:cNvPr>
          <p:cNvCxnSpPr>
            <a:cxnSpLocks/>
          </p:cNvCxnSpPr>
          <p:nvPr/>
        </p:nvCxnSpPr>
        <p:spPr>
          <a:xfrm flipH="1">
            <a:off x="6010274" y="3152775"/>
            <a:ext cx="28575" cy="2281237"/>
          </a:xfrm>
          <a:prstGeom prst="line">
            <a:avLst/>
          </a:prstGeom>
        </p:spPr>
        <p:style>
          <a:lnRef idx="1">
            <a:schemeClr val="accent2"/>
          </a:lnRef>
          <a:fillRef idx="0">
            <a:schemeClr val="accent2"/>
          </a:fillRef>
          <a:effectRef idx="0">
            <a:schemeClr val="accent2"/>
          </a:effectRef>
          <a:fontRef idx="minor">
            <a:schemeClr val="tx1"/>
          </a:fontRef>
        </p:style>
      </p:cxnSp>
      <p:cxnSp>
        <p:nvCxnSpPr>
          <p:cNvPr id="23" name="直線矢印コネクタ 22">
            <a:extLst>
              <a:ext uri="{FF2B5EF4-FFF2-40B4-BE49-F238E27FC236}">
                <a16:creationId xmlns:a16="http://schemas.microsoft.com/office/drawing/2014/main" id="{F203F1D3-77B1-4009-A9D2-30EC74E84DD9}"/>
              </a:ext>
            </a:extLst>
          </p:cNvPr>
          <p:cNvCxnSpPr/>
          <p:nvPr/>
        </p:nvCxnSpPr>
        <p:spPr>
          <a:xfrm>
            <a:off x="6010274" y="3160712"/>
            <a:ext cx="552450" cy="6350"/>
          </a:xfrm>
          <a:prstGeom prst="straightConnector1">
            <a:avLst/>
          </a:prstGeom>
          <a:ln>
            <a:tailEnd type="triangle"/>
          </a:ln>
        </p:spPr>
        <p:style>
          <a:lnRef idx="1">
            <a:schemeClr val="accent2"/>
          </a:lnRef>
          <a:fillRef idx="0">
            <a:schemeClr val="accent2"/>
          </a:fillRef>
          <a:effectRef idx="0">
            <a:schemeClr val="accent2"/>
          </a:effectRef>
          <a:fontRef idx="minor">
            <a:schemeClr val="tx1"/>
          </a:fontRef>
        </p:style>
      </p:cxnSp>
      <p:cxnSp>
        <p:nvCxnSpPr>
          <p:cNvPr id="25" name="直線矢印コネクタ 24">
            <a:extLst>
              <a:ext uri="{FF2B5EF4-FFF2-40B4-BE49-F238E27FC236}">
                <a16:creationId xmlns:a16="http://schemas.microsoft.com/office/drawing/2014/main" id="{15CEBA59-5FC6-4594-ACCE-17D770B2D3B4}"/>
              </a:ext>
            </a:extLst>
          </p:cNvPr>
          <p:cNvCxnSpPr>
            <a:cxnSpLocks/>
          </p:cNvCxnSpPr>
          <p:nvPr/>
        </p:nvCxnSpPr>
        <p:spPr>
          <a:xfrm>
            <a:off x="6024561" y="3921125"/>
            <a:ext cx="490539" cy="13493"/>
          </a:xfrm>
          <a:prstGeom prst="straightConnector1">
            <a:avLst/>
          </a:prstGeom>
          <a:ln>
            <a:tailEnd type="triangle"/>
          </a:ln>
        </p:spPr>
        <p:style>
          <a:lnRef idx="1">
            <a:schemeClr val="accent2"/>
          </a:lnRef>
          <a:fillRef idx="0">
            <a:schemeClr val="accent2"/>
          </a:fillRef>
          <a:effectRef idx="0">
            <a:schemeClr val="accent2"/>
          </a:effectRef>
          <a:fontRef idx="minor">
            <a:schemeClr val="tx1"/>
          </a:fontRef>
        </p:style>
      </p:cxnSp>
      <p:cxnSp>
        <p:nvCxnSpPr>
          <p:cNvPr id="27" name="直線矢印コネクタ 26">
            <a:extLst>
              <a:ext uri="{FF2B5EF4-FFF2-40B4-BE49-F238E27FC236}">
                <a16:creationId xmlns:a16="http://schemas.microsoft.com/office/drawing/2014/main" id="{5F49B462-CE61-46EA-B1D4-64BCF7FE9451}"/>
              </a:ext>
            </a:extLst>
          </p:cNvPr>
          <p:cNvCxnSpPr>
            <a:cxnSpLocks/>
          </p:cNvCxnSpPr>
          <p:nvPr/>
        </p:nvCxnSpPr>
        <p:spPr>
          <a:xfrm>
            <a:off x="6024561" y="4700587"/>
            <a:ext cx="490539" cy="13493"/>
          </a:xfrm>
          <a:prstGeom prst="straightConnector1">
            <a:avLst/>
          </a:prstGeom>
          <a:ln>
            <a:tailEnd type="triangle"/>
          </a:ln>
        </p:spPr>
        <p:style>
          <a:lnRef idx="1">
            <a:schemeClr val="accent2"/>
          </a:lnRef>
          <a:fillRef idx="0">
            <a:schemeClr val="accent2"/>
          </a:fillRef>
          <a:effectRef idx="0">
            <a:schemeClr val="accent2"/>
          </a:effectRef>
          <a:fontRef idx="minor">
            <a:schemeClr val="tx1"/>
          </a:fontRef>
        </p:style>
      </p:cxnSp>
      <p:cxnSp>
        <p:nvCxnSpPr>
          <p:cNvPr id="28" name="直線矢印コネクタ 27">
            <a:extLst>
              <a:ext uri="{FF2B5EF4-FFF2-40B4-BE49-F238E27FC236}">
                <a16:creationId xmlns:a16="http://schemas.microsoft.com/office/drawing/2014/main" id="{AE323321-2AC8-4B20-B7DC-7A829F16206C}"/>
              </a:ext>
            </a:extLst>
          </p:cNvPr>
          <p:cNvCxnSpPr>
            <a:cxnSpLocks/>
          </p:cNvCxnSpPr>
          <p:nvPr/>
        </p:nvCxnSpPr>
        <p:spPr>
          <a:xfrm>
            <a:off x="6010274" y="5433219"/>
            <a:ext cx="490539" cy="13493"/>
          </a:xfrm>
          <a:prstGeom prst="straightConnector1">
            <a:avLst/>
          </a:prstGeom>
          <a:ln>
            <a:tailEnd type="triangle"/>
          </a:ln>
        </p:spPr>
        <p:style>
          <a:lnRef idx="1">
            <a:schemeClr val="accent2"/>
          </a:lnRef>
          <a:fillRef idx="0">
            <a:schemeClr val="accent2"/>
          </a:fillRef>
          <a:effectRef idx="0">
            <a:schemeClr val="accent2"/>
          </a:effectRef>
          <a:fontRef idx="minor">
            <a:schemeClr val="tx1"/>
          </a:fontRef>
        </p:style>
      </p:cxnSp>
      <p:sp>
        <p:nvSpPr>
          <p:cNvPr id="29" name="楕円 28">
            <a:extLst>
              <a:ext uri="{FF2B5EF4-FFF2-40B4-BE49-F238E27FC236}">
                <a16:creationId xmlns:a16="http://schemas.microsoft.com/office/drawing/2014/main" id="{06EA9D92-1D4E-4C57-ACAC-9CE57BF32457}"/>
              </a:ext>
            </a:extLst>
          </p:cNvPr>
          <p:cNvSpPr/>
          <p:nvPr/>
        </p:nvSpPr>
        <p:spPr>
          <a:xfrm>
            <a:off x="3333750" y="3476624"/>
            <a:ext cx="2381250" cy="3087687"/>
          </a:xfrm>
          <a:prstGeom prst="ellipse">
            <a:avLst/>
          </a:prstGeom>
          <a:solidFill>
            <a:srgbClr val="FFFF00"/>
          </a:solidFill>
          <a:ln/>
        </p:spPr>
        <p:style>
          <a:lnRef idx="1">
            <a:schemeClr val="accent1"/>
          </a:lnRef>
          <a:fillRef idx="2">
            <a:schemeClr val="accent1"/>
          </a:fillRef>
          <a:effectRef idx="1">
            <a:schemeClr val="accent1"/>
          </a:effectRef>
          <a:fontRef idx="minor">
            <a:schemeClr val="dk1"/>
          </a:fontRef>
        </p:style>
        <p:txBody>
          <a:bodyPr rtlCol="0" anchor="ctr"/>
          <a:lstStyle/>
          <a:p>
            <a:pPr algn="ctr"/>
            <a:r>
              <a:rPr kumimoji="1" lang="ja-JP" altLang="en-US" dirty="0"/>
              <a:t>提案</a:t>
            </a:r>
            <a:endParaRPr kumimoji="1" lang="en-US" altLang="ja-JP" dirty="0"/>
          </a:p>
          <a:p>
            <a:pPr algn="ctr"/>
            <a:endParaRPr kumimoji="1" lang="en-US" altLang="ja-JP" dirty="0"/>
          </a:p>
          <a:p>
            <a:pPr algn="ctr"/>
            <a:r>
              <a:rPr kumimoji="1" lang="ja-JP" altLang="en-US" dirty="0"/>
              <a:t>様々な業務</a:t>
            </a:r>
            <a:endParaRPr kumimoji="1" lang="en-US" altLang="ja-JP" dirty="0"/>
          </a:p>
          <a:p>
            <a:pPr algn="ctr"/>
            <a:endParaRPr kumimoji="1" lang="en-US" altLang="ja-JP" dirty="0"/>
          </a:p>
          <a:p>
            <a:pPr algn="ctr"/>
            <a:r>
              <a:rPr kumimoji="1" lang="ja-JP" altLang="en-US" dirty="0"/>
              <a:t>コラボ・</a:t>
            </a:r>
            <a:endParaRPr kumimoji="1" lang="en-US" altLang="ja-JP" dirty="0"/>
          </a:p>
          <a:p>
            <a:pPr algn="ctr"/>
            <a:r>
              <a:rPr kumimoji="1" lang="ja-JP" altLang="en-US" dirty="0"/>
              <a:t>チーム　編成</a:t>
            </a:r>
            <a:endParaRPr kumimoji="1" lang="en-US" altLang="ja-JP" dirty="0"/>
          </a:p>
          <a:p>
            <a:pPr algn="ctr"/>
            <a:endParaRPr kumimoji="1" lang="en-US" altLang="ja-JP" dirty="0"/>
          </a:p>
          <a:p>
            <a:pPr algn="ctr"/>
            <a:r>
              <a:rPr kumimoji="1" lang="ja-JP" altLang="en-US" dirty="0"/>
              <a:t>資金調達</a:t>
            </a:r>
            <a:endParaRPr kumimoji="1" lang="en-US" altLang="ja-JP" dirty="0"/>
          </a:p>
          <a:p>
            <a:pPr algn="ctr"/>
            <a:endParaRPr kumimoji="1" lang="en-US" altLang="ja-JP" dirty="0"/>
          </a:p>
          <a:p>
            <a:pPr algn="ctr"/>
            <a:r>
              <a:rPr kumimoji="1" lang="ja-JP" altLang="en-US" dirty="0"/>
              <a:t>専門業者</a:t>
            </a:r>
          </a:p>
        </p:txBody>
      </p:sp>
      <p:sp>
        <p:nvSpPr>
          <p:cNvPr id="3" name="楕円 2">
            <a:extLst>
              <a:ext uri="{FF2B5EF4-FFF2-40B4-BE49-F238E27FC236}">
                <a16:creationId xmlns:a16="http://schemas.microsoft.com/office/drawing/2014/main" id="{7271DF49-1A4D-4487-B6A4-B51DE8A53BF0}"/>
              </a:ext>
            </a:extLst>
          </p:cNvPr>
          <p:cNvSpPr/>
          <p:nvPr/>
        </p:nvSpPr>
        <p:spPr>
          <a:xfrm>
            <a:off x="145260" y="4156125"/>
            <a:ext cx="3300411" cy="1828800"/>
          </a:xfrm>
          <a:prstGeom prst="ellipse">
            <a:avLst/>
          </a:prstGeom>
          <a:effectLst>
            <a:glow rad="228600">
              <a:schemeClr val="accent4">
                <a:satMod val="175000"/>
                <a:alpha val="40000"/>
              </a:schemeClr>
            </a:glow>
            <a:outerShdw blurRad="50800" dist="38100" dir="5400000" algn="t" rotWithShape="0">
              <a:prstClr val="black">
                <a:alpha val="40000"/>
              </a:prstClr>
            </a:outerShdw>
          </a:effectLst>
          <a:scene3d>
            <a:camera prst="orthographicFront"/>
            <a:lightRig rig="threePt" dir="t"/>
          </a:scene3d>
          <a:sp3d>
            <a:bevelT/>
          </a:sp3d>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en-US" altLang="ja-JP" dirty="0"/>
          </a:p>
          <a:p>
            <a:pPr algn="ctr"/>
            <a:r>
              <a:rPr lang="ja-JP" altLang="en-US" dirty="0"/>
              <a:t>プロポーザル主体に</a:t>
            </a:r>
            <a:endParaRPr lang="en-US" altLang="ja-JP" dirty="0"/>
          </a:p>
          <a:p>
            <a:pPr algn="ctr"/>
            <a:endParaRPr kumimoji="1" lang="en-US" altLang="ja-JP" dirty="0"/>
          </a:p>
          <a:p>
            <a:pPr algn="ctr"/>
            <a:r>
              <a:rPr lang="ja-JP" altLang="en-US" dirty="0"/>
              <a:t>今後必要になる</a:t>
            </a:r>
            <a:endParaRPr kumimoji="1" lang="ja-JP" altLang="en-US" dirty="0"/>
          </a:p>
        </p:txBody>
      </p:sp>
      <p:sp>
        <p:nvSpPr>
          <p:cNvPr id="14" name="吹き出し: 四角形 13">
            <a:extLst>
              <a:ext uri="{FF2B5EF4-FFF2-40B4-BE49-F238E27FC236}">
                <a16:creationId xmlns:a16="http://schemas.microsoft.com/office/drawing/2014/main" id="{A3939BE0-7A49-3F81-15C2-1E513012A888}"/>
              </a:ext>
            </a:extLst>
          </p:cNvPr>
          <p:cNvSpPr/>
          <p:nvPr/>
        </p:nvSpPr>
        <p:spPr>
          <a:xfrm>
            <a:off x="9689689" y="838200"/>
            <a:ext cx="2149883" cy="1536700"/>
          </a:xfrm>
          <a:prstGeom prst="wedgeRectCallout">
            <a:avLst>
              <a:gd name="adj1" fmla="val -114952"/>
              <a:gd name="adj2" fmla="val -748"/>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rPr>
              <a:t>従来型発注</a:t>
            </a:r>
            <a:endParaRPr kumimoji="1" lang="en-US" altLang="ja-JP" dirty="0">
              <a:solidFill>
                <a:schemeClr val="tx1"/>
              </a:solidFill>
            </a:endParaRPr>
          </a:p>
          <a:p>
            <a:pPr algn="ctr"/>
            <a:r>
              <a:rPr kumimoji="1" lang="ja-JP" altLang="en-US" dirty="0">
                <a:solidFill>
                  <a:schemeClr val="tx1"/>
                </a:solidFill>
              </a:rPr>
              <a:t>競争性、公平性</a:t>
            </a:r>
            <a:endParaRPr kumimoji="1" lang="en-US" altLang="ja-JP" dirty="0">
              <a:solidFill>
                <a:schemeClr val="tx1"/>
              </a:solidFill>
            </a:endParaRPr>
          </a:p>
          <a:p>
            <a:pPr algn="ctr"/>
            <a:endParaRPr kumimoji="1" lang="en-US" altLang="ja-JP" dirty="0">
              <a:solidFill>
                <a:schemeClr val="tx1"/>
              </a:solidFill>
            </a:endParaRPr>
          </a:p>
          <a:p>
            <a:pPr algn="ctr"/>
            <a:r>
              <a:rPr kumimoji="1" lang="ja-JP" altLang="en-US" dirty="0">
                <a:solidFill>
                  <a:schemeClr val="tx1"/>
                </a:solidFill>
              </a:rPr>
              <a:t>古い形式</a:t>
            </a:r>
          </a:p>
        </p:txBody>
      </p:sp>
    </p:spTree>
    <p:extLst>
      <p:ext uri="{BB962C8B-B14F-4D97-AF65-F5344CB8AC3E}">
        <p14:creationId xmlns:p14="http://schemas.microsoft.com/office/powerpoint/2010/main" val="2623664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B701DD21-6592-FFE8-1F9C-DE929CED33A1}"/>
              </a:ext>
            </a:extLst>
          </p:cNvPr>
          <p:cNvSpPr>
            <a:spLocks noGrp="1"/>
          </p:cNvSpPr>
          <p:nvPr>
            <p:ph type="sldNum" sz="quarter" idx="12"/>
          </p:nvPr>
        </p:nvSpPr>
        <p:spPr/>
        <p:txBody>
          <a:bodyPr/>
          <a:lstStyle/>
          <a:p>
            <a:fld id="{8CBE0B6B-AA1C-4A08-8C69-36F95E8FD104}" type="slidenum">
              <a:rPr kumimoji="1" lang="ja-JP" altLang="en-US" smtClean="0"/>
              <a:t>13</a:t>
            </a:fld>
            <a:endParaRPr kumimoji="1" lang="ja-JP" altLang="en-US"/>
          </a:p>
        </p:txBody>
      </p:sp>
      <p:sp>
        <p:nvSpPr>
          <p:cNvPr id="4" name="テキスト ボックス 3">
            <a:extLst>
              <a:ext uri="{FF2B5EF4-FFF2-40B4-BE49-F238E27FC236}">
                <a16:creationId xmlns:a16="http://schemas.microsoft.com/office/drawing/2014/main" id="{88235D42-CDD6-00F7-3144-9F438A3B0090}"/>
              </a:ext>
            </a:extLst>
          </p:cNvPr>
          <p:cNvSpPr txBox="1"/>
          <p:nvPr/>
        </p:nvSpPr>
        <p:spPr>
          <a:xfrm>
            <a:off x="958645" y="670484"/>
            <a:ext cx="10589341" cy="3970318"/>
          </a:xfrm>
          <a:prstGeom prst="rect">
            <a:avLst/>
          </a:prstGeom>
          <a:noFill/>
        </p:spPr>
        <p:txBody>
          <a:bodyPr wrap="square">
            <a:spAutoFit/>
          </a:bodyPr>
          <a:lstStyle/>
          <a:p>
            <a:pPr algn="l"/>
            <a:r>
              <a:rPr lang="en-US" altLang="ja-JP" sz="2800" b="1" i="0" dirty="0">
                <a:solidFill>
                  <a:srgbClr val="333333"/>
                </a:solidFill>
                <a:effectLst/>
                <a:latin typeface="BIZ UDPGothic" panose="020B0400000000000000" pitchFamily="50" charset="-128"/>
                <a:ea typeface="BIZ UDPGothic" panose="020B0400000000000000" pitchFamily="50" charset="-128"/>
              </a:rPr>
              <a:t>PFI</a:t>
            </a:r>
            <a:r>
              <a:rPr lang="ja-JP" altLang="en-US" sz="2800" b="1" i="0" dirty="0">
                <a:solidFill>
                  <a:srgbClr val="333333"/>
                </a:solidFill>
                <a:effectLst/>
                <a:latin typeface="BIZ UDPGothic" panose="020B0400000000000000" pitchFamily="50" charset="-128"/>
                <a:ea typeface="BIZ UDPGothic" panose="020B0400000000000000" pitchFamily="50" charset="-128"/>
              </a:rPr>
              <a:t>法の改正（平成</a:t>
            </a:r>
            <a:r>
              <a:rPr lang="en-US" altLang="ja-JP" sz="2800" b="1" i="0" dirty="0">
                <a:solidFill>
                  <a:srgbClr val="333333"/>
                </a:solidFill>
                <a:effectLst/>
                <a:latin typeface="BIZ UDPGothic" panose="020B0400000000000000" pitchFamily="50" charset="-128"/>
                <a:ea typeface="BIZ UDPGothic" panose="020B0400000000000000" pitchFamily="50" charset="-128"/>
              </a:rPr>
              <a:t>30</a:t>
            </a:r>
            <a:r>
              <a:rPr lang="ja-JP" altLang="en-US" sz="2800" b="1" i="0" dirty="0">
                <a:solidFill>
                  <a:srgbClr val="333333"/>
                </a:solidFill>
                <a:effectLst/>
                <a:latin typeface="BIZ UDPGothic" panose="020B0400000000000000" pitchFamily="50" charset="-128"/>
                <a:ea typeface="BIZ UDPGothic" panose="020B0400000000000000" pitchFamily="50" charset="-128"/>
              </a:rPr>
              <a:t>年）</a:t>
            </a:r>
          </a:p>
          <a:p>
            <a:pPr algn="l"/>
            <a:r>
              <a:rPr lang="ja-JP" altLang="en-US" sz="2800" b="0" i="0" dirty="0">
                <a:solidFill>
                  <a:srgbClr val="333333"/>
                </a:solidFill>
                <a:effectLst/>
                <a:latin typeface="BIZ UDPGothic" panose="020B0400000000000000" pitchFamily="50" charset="-128"/>
                <a:ea typeface="BIZ UDPGothic" panose="020B0400000000000000" pitchFamily="50" charset="-128"/>
              </a:rPr>
              <a:t>民間の資金、経営能力及び技術的能力を活用した公共施設等の整備等の促進を図るため、</a:t>
            </a:r>
            <a:r>
              <a:rPr lang="en-US" altLang="ja-JP" sz="2800" b="0" i="0" dirty="0">
                <a:solidFill>
                  <a:srgbClr val="333333"/>
                </a:solidFill>
                <a:effectLst/>
                <a:latin typeface="BIZ UDPGothic" panose="020B0400000000000000" pitchFamily="50" charset="-128"/>
                <a:ea typeface="BIZ UDPGothic" panose="020B0400000000000000" pitchFamily="50" charset="-128"/>
              </a:rPr>
              <a:t>(1)</a:t>
            </a:r>
            <a:r>
              <a:rPr lang="ja-JP" altLang="en-US" sz="2800" b="0" i="0" dirty="0">
                <a:solidFill>
                  <a:srgbClr val="333333"/>
                </a:solidFill>
                <a:effectLst/>
                <a:latin typeface="BIZ UDPGothic" panose="020B0400000000000000" pitchFamily="50" charset="-128"/>
                <a:ea typeface="BIZ UDPGothic" panose="020B0400000000000000" pitchFamily="50" charset="-128"/>
              </a:rPr>
              <a:t>公共施設等の管理者及び民間事業者に対する国の支援機能の強化、</a:t>
            </a:r>
            <a:r>
              <a:rPr lang="en-US" altLang="ja-JP" sz="2800" b="0" i="0" dirty="0">
                <a:solidFill>
                  <a:srgbClr val="333333"/>
                </a:solidFill>
                <a:effectLst/>
                <a:latin typeface="BIZ UDPGothic" panose="020B0400000000000000" pitchFamily="50" charset="-128"/>
                <a:ea typeface="BIZ UDPGothic" panose="020B0400000000000000" pitchFamily="50" charset="-128"/>
              </a:rPr>
              <a:t>(2)</a:t>
            </a:r>
            <a:r>
              <a:rPr lang="ja-JP" altLang="en-US" sz="2800" b="0" i="0" dirty="0">
                <a:solidFill>
                  <a:srgbClr val="333333"/>
                </a:solidFill>
                <a:effectLst/>
                <a:latin typeface="BIZ UDPGothic" panose="020B0400000000000000" pitchFamily="50" charset="-128"/>
                <a:ea typeface="BIZ UDPGothic" panose="020B0400000000000000" pitchFamily="50" charset="-128"/>
              </a:rPr>
              <a:t>公共施設等運営権者が指定管理者を兼ねる場合における地方自治法の特例、</a:t>
            </a:r>
            <a:r>
              <a:rPr lang="en-US" altLang="ja-JP" sz="2800" b="0" i="0" dirty="0">
                <a:solidFill>
                  <a:srgbClr val="333333"/>
                </a:solidFill>
                <a:effectLst/>
                <a:latin typeface="BIZ UDPGothic" panose="020B0400000000000000" pitchFamily="50" charset="-128"/>
                <a:ea typeface="BIZ UDPGothic" panose="020B0400000000000000" pitchFamily="50" charset="-128"/>
              </a:rPr>
              <a:t>(3)</a:t>
            </a:r>
            <a:r>
              <a:rPr lang="ja-JP" altLang="en-US" sz="2800" b="0" i="0" dirty="0">
                <a:solidFill>
                  <a:srgbClr val="333333"/>
                </a:solidFill>
                <a:effectLst/>
                <a:latin typeface="BIZ UDPGothic" panose="020B0400000000000000" pitchFamily="50" charset="-128"/>
                <a:ea typeface="BIZ UDPGothic" panose="020B0400000000000000" pitchFamily="50" charset="-128"/>
              </a:rPr>
              <a:t>水道事業等に関し地方公共団体に対して貸し付けられた地方債の繰上償還に係る補償金の免除に係る措置を講じた「民間資金等の活用による公共施設等の整備等の促進に関する法律の一部を改正する法律」が可決・成立しました。</a:t>
            </a:r>
          </a:p>
        </p:txBody>
      </p:sp>
    </p:spTree>
    <p:extLst>
      <p:ext uri="{BB962C8B-B14F-4D97-AF65-F5344CB8AC3E}">
        <p14:creationId xmlns:p14="http://schemas.microsoft.com/office/powerpoint/2010/main" val="103624815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4AE9363C-252F-FE33-160E-186AF299BEDC}"/>
              </a:ext>
            </a:extLst>
          </p:cNvPr>
          <p:cNvSpPr>
            <a:spLocks noGrp="1"/>
          </p:cNvSpPr>
          <p:nvPr>
            <p:ph type="sldNum" sz="quarter" idx="12"/>
          </p:nvPr>
        </p:nvSpPr>
        <p:spPr/>
        <p:txBody>
          <a:bodyPr/>
          <a:lstStyle/>
          <a:p>
            <a:fld id="{8CBE0B6B-AA1C-4A08-8C69-36F95E8FD104}" type="slidenum">
              <a:rPr kumimoji="1" lang="ja-JP" altLang="en-US" smtClean="0"/>
              <a:t>14</a:t>
            </a:fld>
            <a:endParaRPr kumimoji="1" lang="ja-JP" altLang="en-US"/>
          </a:p>
        </p:txBody>
      </p:sp>
      <p:sp>
        <p:nvSpPr>
          <p:cNvPr id="4" name="テキスト ボックス 3">
            <a:extLst>
              <a:ext uri="{FF2B5EF4-FFF2-40B4-BE49-F238E27FC236}">
                <a16:creationId xmlns:a16="http://schemas.microsoft.com/office/drawing/2014/main" id="{1660238F-DB35-33B8-9642-387173497616}"/>
              </a:ext>
            </a:extLst>
          </p:cNvPr>
          <p:cNvSpPr txBox="1"/>
          <p:nvPr/>
        </p:nvSpPr>
        <p:spPr>
          <a:xfrm>
            <a:off x="1913602" y="463330"/>
            <a:ext cx="9663881" cy="2246769"/>
          </a:xfrm>
          <a:prstGeom prst="rect">
            <a:avLst/>
          </a:prstGeom>
          <a:noFill/>
        </p:spPr>
        <p:txBody>
          <a:bodyPr wrap="square">
            <a:spAutoFit/>
          </a:bodyPr>
          <a:lstStyle/>
          <a:p>
            <a:pPr algn="l"/>
            <a:r>
              <a:rPr lang="ja-JP" altLang="en-US" sz="2800" b="1" i="0" dirty="0">
                <a:solidFill>
                  <a:srgbClr val="333333"/>
                </a:solidFill>
                <a:effectLst/>
                <a:latin typeface="BIZ UDPGothic" panose="020B0400000000000000" pitchFamily="50" charset="-128"/>
                <a:ea typeface="BIZ UDPGothic" panose="020B0400000000000000" pitchFamily="50" charset="-128"/>
              </a:rPr>
              <a:t>法律</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法律名：民間資金等の活用による公共施設等の整備等の促進に関する法律の一部を改正する法律（平成三十年法律第六十号）</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公布日：平成</a:t>
            </a:r>
            <a:r>
              <a:rPr lang="en-US" altLang="ja-JP" sz="2800" b="0" i="0" dirty="0">
                <a:solidFill>
                  <a:srgbClr val="333333"/>
                </a:solidFill>
                <a:effectLst/>
                <a:latin typeface="BIZ UDPGothic" panose="020B0400000000000000" pitchFamily="50" charset="-128"/>
                <a:ea typeface="BIZ UDPGothic" panose="020B0400000000000000" pitchFamily="50" charset="-128"/>
              </a:rPr>
              <a:t>30</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6</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20</a:t>
            </a:r>
            <a:r>
              <a:rPr lang="ja-JP" altLang="en-US" sz="2800" b="0" i="0" dirty="0">
                <a:solidFill>
                  <a:srgbClr val="333333"/>
                </a:solidFill>
                <a:effectLst/>
                <a:latin typeface="BIZ UDPGothic" panose="020B0400000000000000" pitchFamily="50" charset="-128"/>
                <a:ea typeface="BIZ UDPGothic" panose="020B0400000000000000" pitchFamily="50" charset="-128"/>
              </a:rPr>
              <a:t>日</a:t>
            </a:r>
          </a:p>
        </p:txBody>
      </p:sp>
      <p:sp>
        <p:nvSpPr>
          <p:cNvPr id="6" name="テキスト ボックス 5">
            <a:extLst>
              <a:ext uri="{FF2B5EF4-FFF2-40B4-BE49-F238E27FC236}">
                <a16:creationId xmlns:a16="http://schemas.microsoft.com/office/drawing/2014/main" id="{9AAC3783-4AD3-35B5-BCA8-47E35860EAB7}"/>
              </a:ext>
            </a:extLst>
          </p:cNvPr>
          <p:cNvSpPr txBox="1"/>
          <p:nvPr/>
        </p:nvSpPr>
        <p:spPr>
          <a:xfrm>
            <a:off x="2016842" y="3156521"/>
            <a:ext cx="9177184" cy="2677656"/>
          </a:xfrm>
          <a:prstGeom prst="rect">
            <a:avLst/>
          </a:prstGeom>
          <a:noFill/>
        </p:spPr>
        <p:txBody>
          <a:bodyPr wrap="square">
            <a:spAutoFit/>
          </a:bodyPr>
          <a:lstStyle/>
          <a:p>
            <a:pPr algn="l"/>
            <a:r>
              <a:rPr lang="ja-JP" altLang="en-US" sz="2800" b="1" i="0" dirty="0">
                <a:solidFill>
                  <a:srgbClr val="333333"/>
                </a:solidFill>
                <a:effectLst/>
                <a:latin typeface="BIZ UDPGothic" panose="020B0400000000000000" pitchFamily="50" charset="-128"/>
                <a:ea typeface="BIZ UDPGothic" panose="020B0400000000000000" pitchFamily="50" charset="-128"/>
              </a:rPr>
              <a:t>政令</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政令名：民間資金等の活用による公共施設等の整備等の促進に関する法律施行令の一部を改正する政令（平成三十年政令第二百二十五号）</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公布日：平成</a:t>
            </a:r>
            <a:r>
              <a:rPr lang="en-US" altLang="ja-JP" sz="2800" b="0" i="0" dirty="0">
                <a:solidFill>
                  <a:srgbClr val="333333"/>
                </a:solidFill>
                <a:effectLst/>
                <a:latin typeface="BIZ UDPGothic" panose="020B0400000000000000" pitchFamily="50" charset="-128"/>
                <a:ea typeface="BIZ UDPGothic" panose="020B0400000000000000" pitchFamily="50" charset="-128"/>
              </a:rPr>
              <a:t>30</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7</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27</a:t>
            </a:r>
            <a:r>
              <a:rPr lang="ja-JP" altLang="en-US" sz="2800" b="0" i="0" dirty="0">
                <a:solidFill>
                  <a:srgbClr val="333333"/>
                </a:solidFill>
                <a:effectLst/>
                <a:latin typeface="BIZ UDPGothic" panose="020B0400000000000000" pitchFamily="50" charset="-128"/>
                <a:ea typeface="BIZ UDPGothic" panose="020B0400000000000000" pitchFamily="50" charset="-128"/>
              </a:rPr>
              <a:t>日</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施行日：平成</a:t>
            </a:r>
            <a:r>
              <a:rPr lang="en-US" altLang="ja-JP" sz="2800" b="0" i="0" dirty="0">
                <a:solidFill>
                  <a:srgbClr val="333333"/>
                </a:solidFill>
                <a:effectLst/>
                <a:latin typeface="BIZ UDPGothic" panose="020B0400000000000000" pitchFamily="50" charset="-128"/>
                <a:ea typeface="BIZ UDPGothic" panose="020B0400000000000000" pitchFamily="50" charset="-128"/>
              </a:rPr>
              <a:t>30</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8</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1</a:t>
            </a:r>
            <a:r>
              <a:rPr lang="ja-JP" altLang="en-US" sz="2800" b="0" i="0" dirty="0">
                <a:solidFill>
                  <a:srgbClr val="333333"/>
                </a:solidFill>
                <a:effectLst/>
                <a:latin typeface="BIZ UDPGothic" panose="020B0400000000000000" pitchFamily="50" charset="-128"/>
                <a:ea typeface="BIZ UDPGothic" panose="020B0400000000000000" pitchFamily="50" charset="-128"/>
              </a:rPr>
              <a:t>日</a:t>
            </a:r>
            <a:endParaRPr lang="ja-JP" altLang="en-US" sz="2800" dirty="0"/>
          </a:p>
        </p:txBody>
      </p:sp>
    </p:spTree>
    <p:extLst>
      <p:ext uri="{BB962C8B-B14F-4D97-AF65-F5344CB8AC3E}">
        <p14:creationId xmlns:p14="http://schemas.microsoft.com/office/powerpoint/2010/main" val="69624619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9A7810D4-4044-DE60-A771-CC9D96B36844}"/>
              </a:ext>
            </a:extLst>
          </p:cNvPr>
          <p:cNvSpPr>
            <a:spLocks noGrp="1"/>
          </p:cNvSpPr>
          <p:nvPr>
            <p:ph type="sldNum" sz="quarter" idx="12"/>
          </p:nvPr>
        </p:nvSpPr>
        <p:spPr/>
        <p:txBody>
          <a:bodyPr/>
          <a:lstStyle/>
          <a:p>
            <a:fld id="{8CBE0B6B-AA1C-4A08-8C69-36F95E8FD104}" type="slidenum">
              <a:rPr kumimoji="1" lang="ja-JP" altLang="en-US" smtClean="0"/>
              <a:t>15</a:t>
            </a:fld>
            <a:endParaRPr kumimoji="1" lang="ja-JP" altLang="en-US"/>
          </a:p>
        </p:txBody>
      </p:sp>
      <p:sp>
        <p:nvSpPr>
          <p:cNvPr id="4" name="テキスト ボックス 3">
            <a:extLst>
              <a:ext uri="{FF2B5EF4-FFF2-40B4-BE49-F238E27FC236}">
                <a16:creationId xmlns:a16="http://schemas.microsoft.com/office/drawing/2014/main" id="{52838A62-6051-3BF9-55EF-69AF26B8EA96}"/>
              </a:ext>
            </a:extLst>
          </p:cNvPr>
          <p:cNvSpPr txBox="1"/>
          <p:nvPr/>
        </p:nvSpPr>
        <p:spPr>
          <a:xfrm>
            <a:off x="1430593" y="555041"/>
            <a:ext cx="9598741" cy="3108543"/>
          </a:xfrm>
          <a:prstGeom prst="rect">
            <a:avLst/>
          </a:prstGeom>
          <a:noFill/>
        </p:spPr>
        <p:txBody>
          <a:bodyPr wrap="square">
            <a:spAutoFit/>
          </a:bodyPr>
          <a:lstStyle/>
          <a:p>
            <a:pPr algn="l"/>
            <a:r>
              <a:rPr lang="ja-JP" altLang="en-US" sz="2800" b="1" i="0" dirty="0">
                <a:solidFill>
                  <a:srgbClr val="333333"/>
                </a:solidFill>
                <a:effectLst/>
                <a:latin typeface="BIZ UDPGothic" panose="020B0400000000000000" pitchFamily="50" charset="-128"/>
                <a:ea typeface="BIZ UDPGothic" panose="020B0400000000000000" pitchFamily="50" charset="-128"/>
              </a:rPr>
              <a:t>内閣府・総務省・財務省令</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府省令名：民間資金等の活用による公共施設等の整備等の促進に関する法律附則第四条第一項に規定する内閣府令・総務省令・財務省令で定める基準等を定める命令（平成三十年内閣府総務省財務省令第一号）</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公布日：平成</a:t>
            </a:r>
            <a:r>
              <a:rPr lang="en-US" altLang="ja-JP" sz="2800" b="0" i="0" dirty="0">
                <a:solidFill>
                  <a:srgbClr val="333333"/>
                </a:solidFill>
                <a:effectLst/>
                <a:latin typeface="BIZ UDPGothic" panose="020B0400000000000000" pitchFamily="50" charset="-128"/>
                <a:ea typeface="BIZ UDPGothic" panose="020B0400000000000000" pitchFamily="50" charset="-128"/>
              </a:rPr>
              <a:t>30</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7</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31</a:t>
            </a:r>
            <a:r>
              <a:rPr lang="ja-JP" altLang="en-US" sz="2800" b="0" i="0" dirty="0">
                <a:solidFill>
                  <a:srgbClr val="333333"/>
                </a:solidFill>
                <a:effectLst/>
                <a:latin typeface="BIZ UDPGothic" panose="020B0400000000000000" pitchFamily="50" charset="-128"/>
                <a:ea typeface="BIZ UDPGothic" panose="020B0400000000000000" pitchFamily="50" charset="-128"/>
              </a:rPr>
              <a:t>日</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施行日：平成</a:t>
            </a:r>
            <a:r>
              <a:rPr lang="en-US" altLang="ja-JP" sz="2800" b="0" i="0" dirty="0">
                <a:solidFill>
                  <a:srgbClr val="333333"/>
                </a:solidFill>
                <a:effectLst/>
                <a:latin typeface="BIZ UDPGothic" panose="020B0400000000000000" pitchFamily="50" charset="-128"/>
                <a:ea typeface="BIZ UDPGothic" panose="020B0400000000000000" pitchFamily="50" charset="-128"/>
              </a:rPr>
              <a:t>30</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8</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1</a:t>
            </a:r>
            <a:r>
              <a:rPr lang="ja-JP" altLang="en-US" sz="2800" b="0" i="0" dirty="0">
                <a:solidFill>
                  <a:srgbClr val="333333"/>
                </a:solidFill>
                <a:effectLst/>
                <a:latin typeface="BIZ UDPGothic" panose="020B0400000000000000" pitchFamily="50" charset="-128"/>
                <a:ea typeface="BIZ UDPGothic" panose="020B0400000000000000" pitchFamily="50" charset="-128"/>
              </a:rPr>
              <a:t>日</a:t>
            </a:r>
          </a:p>
        </p:txBody>
      </p:sp>
      <p:sp>
        <p:nvSpPr>
          <p:cNvPr id="5" name="テキスト ボックス 4">
            <a:extLst>
              <a:ext uri="{FF2B5EF4-FFF2-40B4-BE49-F238E27FC236}">
                <a16:creationId xmlns:a16="http://schemas.microsoft.com/office/drawing/2014/main" id="{C59E0226-0E1B-0481-826E-25B9AD50A9E3}"/>
              </a:ext>
            </a:extLst>
          </p:cNvPr>
          <p:cNvSpPr txBox="1"/>
          <p:nvPr/>
        </p:nvSpPr>
        <p:spPr>
          <a:xfrm>
            <a:off x="1430593" y="3678694"/>
            <a:ext cx="8935065" cy="2677656"/>
          </a:xfrm>
          <a:prstGeom prst="rect">
            <a:avLst/>
          </a:prstGeom>
          <a:noFill/>
        </p:spPr>
        <p:txBody>
          <a:bodyPr wrap="square">
            <a:spAutoFit/>
          </a:bodyPr>
          <a:lstStyle/>
          <a:p>
            <a:pPr algn="l"/>
            <a:r>
              <a:rPr lang="ja-JP" altLang="en-US" sz="2800" b="1" i="0" dirty="0">
                <a:solidFill>
                  <a:srgbClr val="333333"/>
                </a:solidFill>
                <a:effectLst/>
                <a:latin typeface="BIZ UDPGothic" panose="020B0400000000000000" pitchFamily="50" charset="-128"/>
                <a:ea typeface="BIZ UDPGothic" panose="020B0400000000000000" pitchFamily="50" charset="-128"/>
              </a:rPr>
              <a:t>内閣府令</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府令名：民間資金等の活用による公共施設等の整備等の促進に関する法律施行規則の一部を改正する内閣府令（平成三十年内閣府令第四十八号）</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公布日：平成</a:t>
            </a:r>
            <a:r>
              <a:rPr lang="en-US" altLang="ja-JP" sz="2800" b="0" i="0" dirty="0">
                <a:solidFill>
                  <a:srgbClr val="333333"/>
                </a:solidFill>
                <a:effectLst/>
                <a:latin typeface="BIZ UDPGothic" panose="020B0400000000000000" pitchFamily="50" charset="-128"/>
                <a:ea typeface="BIZ UDPGothic" panose="020B0400000000000000" pitchFamily="50" charset="-128"/>
              </a:rPr>
              <a:t>30</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9</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28</a:t>
            </a:r>
            <a:r>
              <a:rPr lang="ja-JP" altLang="en-US" sz="2800" b="0" i="0" dirty="0">
                <a:solidFill>
                  <a:srgbClr val="333333"/>
                </a:solidFill>
                <a:effectLst/>
                <a:latin typeface="BIZ UDPGothic" panose="020B0400000000000000" pitchFamily="50" charset="-128"/>
                <a:ea typeface="BIZ UDPGothic" panose="020B0400000000000000" pitchFamily="50" charset="-128"/>
              </a:rPr>
              <a:t>日</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施行日：平成</a:t>
            </a:r>
            <a:r>
              <a:rPr lang="en-US" altLang="ja-JP" sz="2800" b="0" i="0" dirty="0">
                <a:solidFill>
                  <a:srgbClr val="333333"/>
                </a:solidFill>
                <a:effectLst/>
                <a:latin typeface="BIZ UDPGothic" panose="020B0400000000000000" pitchFamily="50" charset="-128"/>
                <a:ea typeface="BIZ UDPGothic" panose="020B0400000000000000" pitchFamily="50" charset="-128"/>
              </a:rPr>
              <a:t>30</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10</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1</a:t>
            </a:r>
            <a:r>
              <a:rPr lang="ja-JP" altLang="en-US" sz="2800" b="0" i="0" dirty="0">
                <a:solidFill>
                  <a:srgbClr val="333333"/>
                </a:solidFill>
                <a:effectLst/>
                <a:latin typeface="BIZ UDPGothic" panose="020B0400000000000000" pitchFamily="50" charset="-128"/>
                <a:ea typeface="BIZ UDPGothic" panose="020B0400000000000000" pitchFamily="50" charset="-128"/>
              </a:rPr>
              <a:t>日</a:t>
            </a:r>
          </a:p>
        </p:txBody>
      </p:sp>
    </p:spTree>
    <p:extLst>
      <p:ext uri="{BB962C8B-B14F-4D97-AF65-F5344CB8AC3E}">
        <p14:creationId xmlns:p14="http://schemas.microsoft.com/office/powerpoint/2010/main" val="102098159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782F9BC4-A38B-2BBE-B536-C2D33074D230}"/>
              </a:ext>
            </a:extLst>
          </p:cNvPr>
          <p:cNvSpPr>
            <a:spLocks noGrp="1"/>
          </p:cNvSpPr>
          <p:nvPr>
            <p:ph type="sldNum" sz="quarter" idx="12"/>
          </p:nvPr>
        </p:nvSpPr>
        <p:spPr/>
        <p:txBody>
          <a:bodyPr/>
          <a:lstStyle/>
          <a:p>
            <a:fld id="{8CBE0B6B-AA1C-4A08-8C69-36F95E8FD104}" type="slidenum">
              <a:rPr kumimoji="1" lang="ja-JP" altLang="en-US" smtClean="0"/>
              <a:t>16</a:t>
            </a:fld>
            <a:endParaRPr kumimoji="1" lang="ja-JP" altLang="en-US"/>
          </a:p>
        </p:txBody>
      </p:sp>
      <p:sp>
        <p:nvSpPr>
          <p:cNvPr id="4" name="テキスト ボックス 3">
            <a:extLst>
              <a:ext uri="{FF2B5EF4-FFF2-40B4-BE49-F238E27FC236}">
                <a16:creationId xmlns:a16="http://schemas.microsoft.com/office/drawing/2014/main" id="{B8581028-5029-3FBF-DB47-F4640FDD3A85}"/>
              </a:ext>
            </a:extLst>
          </p:cNvPr>
          <p:cNvSpPr txBox="1"/>
          <p:nvPr/>
        </p:nvSpPr>
        <p:spPr>
          <a:xfrm>
            <a:off x="1264674" y="507575"/>
            <a:ext cx="8572500" cy="2246769"/>
          </a:xfrm>
          <a:prstGeom prst="rect">
            <a:avLst/>
          </a:prstGeom>
          <a:noFill/>
        </p:spPr>
        <p:txBody>
          <a:bodyPr wrap="square">
            <a:spAutoFit/>
          </a:bodyPr>
          <a:lstStyle/>
          <a:p>
            <a:pPr algn="l"/>
            <a:r>
              <a:rPr lang="ja-JP" altLang="en-US" sz="2800" b="1" i="0" dirty="0">
                <a:solidFill>
                  <a:srgbClr val="333333"/>
                </a:solidFill>
                <a:effectLst/>
                <a:latin typeface="BIZ UDPGothic" panose="020B0400000000000000" pitchFamily="50" charset="-128"/>
                <a:ea typeface="BIZ UDPGothic" panose="020B0400000000000000" pitchFamily="50" charset="-128"/>
              </a:rPr>
              <a:t>基本方針</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件名：民間資金等の活用による公共施設等の整備等に関する事業の実施に関する基本方針の変更について（平成三十年十月二十三日閣議決定）</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閣議決定・施行日：平成</a:t>
            </a:r>
            <a:r>
              <a:rPr lang="en-US" altLang="ja-JP" sz="2800" b="0" i="0" dirty="0">
                <a:solidFill>
                  <a:srgbClr val="333333"/>
                </a:solidFill>
                <a:effectLst/>
                <a:latin typeface="BIZ UDPGothic" panose="020B0400000000000000" pitchFamily="50" charset="-128"/>
                <a:ea typeface="BIZ UDPGothic" panose="020B0400000000000000" pitchFamily="50" charset="-128"/>
              </a:rPr>
              <a:t>30</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10</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23</a:t>
            </a:r>
            <a:r>
              <a:rPr lang="ja-JP" altLang="en-US" sz="2800" b="0" i="0" dirty="0">
                <a:solidFill>
                  <a:srgbClr val="333333"/>
                </a:solidFill>
                <a:effectLst/>
                <a:latin typeface="BIZ UDPGothic" panose="020B0400000000000000" pitchFamily="50" charset="-128"/>
                <a:ea typeface="BIZ UDPGothic" panose="020B0400000000000000" pitchFamily="50" charset="-128"/>
              </a:rPr>
              <a:t>日</a:t>
            </a:r>
          </a:p>
        </p:txBody>
      </p:sp>
      <p:sp>
        <p:nvSpPr>
          <p:cNvPr id="5" name="テキスト ボックス 4">
            <a:extLst>
              <a:ext uri="{FF2B5EF4-FFF2-40B4-BE49-F238E27FC236}">
                <a16:creationId xmlns:a16="http://schemas.microsoft.com/office/drawing/2014/main" id="{996B136C-5EE5-FC8D-FEA2-3C9234412CA2}"/>
              </a:ext>
            </a:extLst>
          </p:cNvPr>
          <p:cNvSpPr txBox="1"/>
          <p:nvPr/>
        </p:nvSpPr>
        <p:spPr>
          <a:xfrm>
            <a:off x="1264674" y="3429000"/>
            <a:ext cx="8026809" cy="2677656"/>
          </a:xfrm>
          <a:prstGeom prst="rect">
            <a:avLst/>
          </a:prstGeom>
          <a:noFill/>
        </p:spPr>
        <p:txBody>
          <a:bodyPr wrap="square">
            <a:spAutoFit/>
          </a:bodyPr>
          <a:lstStyle/>
          <a:p>
            <a:pPr algn="l"/>
            <a:r>
              <a:rPr lang="ja-JP" altLang="en-US" sz="2800" b="1" i="0" dirty="0">
                <a:solidFill>
                  <a:srgbClr val="333333"/>
                </a:solidFill>
                <a:effectLst/>
                <a:latin typeface="BIZ UDPGothic" panose="020B0400000000000000" pitchFamily="50" charset="-128"/>
                <a:ea typeface="BIZ UDPGothic" panose="020B0400000000000000" pitchFamily="50" charset="-128"/>
              </a:rPr>
              <a:t>運営権ガイドライン</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件名：公共施設等運営権及び公共施設等運営事業に関するガイドライン（平成三十年十月十八日民間資金等活用事業推進会議決定）</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決定・施行日：平成</a:t>
            </a:r>
            <a:r>
              <a:rPr lang="en-US" altLang="ja-JP" sz="2800" b="0" i="0" dirty="0">
                <a:solidFill>
                  <a:srgbClr val="333333"/>
                </a:solidFill>
                <a:effectLst/>
                <a:latin typeface="BIZ UDPGothic" panose="020B0400000000000000" pitchFamily="50" charset="-128"/>
                <a:ea typeface="BIZ UDPGothic" panose="020B0400000000000000" pitchFamily="50" charset="-128"/>
              </a:rPr>
              <a:t>30</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10</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18</a:t>
            </a:r>
            <a:r>
              <a:rPr lang="ja-JP" altLang="en-US" sz="2800" b="0" i="0" dirty="0">
                <a:solidFill>
                  <a:srgbClr val="333333"/>
                </a:solidFill>
                <a:effectLst/>
                <a:latin typeface="BIZ UDPGothic" panose="020B0400000000000000" pitchFamily="50" charset="-128"/>
                <a:ea typeface="BIZ UDPGothic" panose="020B0400000000000000" pitchFamily="50" charset="-128"/>
              </a:rPr>
              <a:t>日（令和</a:t>
            </a:r>
            <a:r>
              <a:rPr lang="en-US" altLang="ja-JP" sz="2800" b="0" i="0" dirty="0">
                <a:solidFill>
                  <a:srgbClr val="333333"/>
                </a:solidFill>
                <a:effectLst/>
                <a:latin typeface="BIZ UDPGothic" panose="020B0400000000000000" pitchFamily="50" charset="-128"/>
                <a:ea typeface="BIZ UDPGothic" panose="020B0400000000000000" pitchFamily="50" charset="-128"/>
              </a:rPr>
              <a:t>3</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6</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18</a:t>
            </a:r>
            <a:r>
              <a:rPr lang="ja-JP" altLang="en-US" sz="2800" b="0" i="0" dirty="0">
                <a:solidFill>
                  <a:srgbClr val="333333"/>
                </a:solidFill>
                <a:effectLst/>
                <a:latin typeface="BIZ UDPGothic" panose="020B0400000000000000" pitchFamily="50" charset="-128"/>
                <a:ea typeface="BIZ UDPGothic" panose="020B0400000000000000" pitchFamily="50" charset="-128"/>
              </a:rPr>
              <a:t>日改正）</a:t>
            </a:r>
          </a:p>
        </p:txBody>
      </p:sp>
    </p:spTree>
    <p:extLst>
      <p:ext uri="{BB962C8B-B14F-4D97-AF65-F5344CB8AC3E}">
        <p14:creationId xmlns:p14="http://schemas.microsoft.com/office/powerpoint/2010/main" val="355199340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35F9F332-EE7D-3F06-8BB7-F58F049C9F35}"/>
              </a:ext>
            </a:extLst>
          </p:cNvPr>
          <p:cNvSpPr>
            <a:spLocks noGrp="1"/>
          </p:cNvSpPr>
          <p:nvPr>
            <p:ph type="sldNum" sz="quarter" idx="12"/>
          </p:nvPr>
        </p:nvSpPr>
        <p:spPr/>
        <p:txBody>
          <a:bodyPr/>
          <a:lstStyle/>
          <a:p>
            <a:fld id="{8CBE0B6B-AA1C-4A08-8C69-36F95E8FD104}" type="slidenum">
              <a:rPr kumimoji="1" lang="ja-JP" altLang="en-US" smtClean="0"/>
              <a:t>17</a:t>
            </a:fld>
            <a:endParaRPr kumimoji="1" lang="ja-JP" altLang="en-US"/>
          </a:p>
        </p:txBody>
      </p:sp>
      <p:sp>
        <p:nvSpPr>
          <p:cNvPr id="4" name="テキスト ボックス 3">
            <a:extLst>
              <a:ext uri="{FF2B5EF4-FFF2-40B4-BE49-F238E27FC236}">
                <a16:creationId xmlns:a16="http://schemas.microsoft.com/office/drawing/2014/main" id="{66BF4DC6-3638-45A7-0D96-15D8EF269042}"/>
              </a:ext>
            </a:extLst>
          </p:cNvPr>
          <p:cNvSpPr txBox="1"/>
          <p:nvPr/>
        </p:nvSpPr>
        <p:spPr>
          <a:xfrm>
            <a:off x="811161" y="582067"/>
            <a:ext cx="10972799" cy="5693866"/>
          </a:xfrm>
          <a:prstGeom prst="rect">
            <a:avLst/>
          </a:prstGeom>
          <a:noFill/>
        </p:spPr>
        <p:txBody>
          <a:bodyPr wrap="square">
            <a:spAutoFit/>
          </a:bodyPr>
          <a:lstStyle/>
          <a:p>
            <a:pPr algn="l"/>
            <a:r>
              <a:rPr lang="en-US" altLang="ja-JP" sz="2800" b="1" i="0" dirty="0">
                <a:solidFill>
                  <a:srgbClr val="333333"/>
                </a:solidFill>
                <a:effectLst/>
                <a:latin typeface="BIZ UDPGothic" panose="020B0400000000000000" pitchFamily="50" charset="-128"/>
                <a:ea typeface="BIZ UDPGothic" panose="020B0400000000000000" pitchFamily="50" charset="-128"/>
              </a:rPr>
              <a:t>PFI</a:t>
            </a:r>
            <a:r>
              <a:rPr lang="ja-JP" altLang="en-US" sz="2800" b="1" i="0" dirty="0">
                <a:solidFill>
                  <a:srgbClr val="333333"/>
                </a:solidFill>
                <a:effectLst/>
                <a:latin typeface="BIZ UDPGothic" panose="020B0400000000000000" pitchFamily="50" charset="-128"/>
                <a:ea typeface="BIZ UDPGothic" panose="020B0400000000000000" pitchFamily="50" charset="-128"/>
              </a:rPr>
              <a:t>法の改正（令和</a:t>
            </a:r>
            <a:r>
              <a:rPr lang="en-US" altLang="ja-JP" sz="2800" b="1" i="0" dirty="0">
                <a:solidFill>
                  <a:srgbClr val="333333"/>
                </a:solidFill>
                <a:effectLst/>
                <a:latin typeface="BIZ UDPGothic" panose="020B0400000000000000" pitchFamily="50" charset="-128"/>
                <a:ea typeface="BIZ UDPGothic" panose="020B0400000000000000" pitchFamily="50" charset="-128"/>
              </a:rPr>
              <a:t>4</a:t>
            </a:r>
            <a:r>
              <a:rPr lang="ja-JP" altLang="en-US" sz="2800" b="1" i="0" dirty="0">
                <a:solidFill>
                  <a:srgbClr val="333333"/>
                </a:solidFill>
                <a:effectLst/>
                <a:latin typeface="BIZ UDPGothic" panose="020B0400000000000000" pitchFamily="50" charset="-128"/>
                <a:ea typeface="BIZ UDPGothic" panose="020B0400000000000000" pitchFamily="50" charset="-128"/>
              </a:rPr>
              <a:t>年）</a:t>
            </a:r>
          </a:p>
          <a:p>
            <a:pPr algn="l"/>
            <a:r>
              <a:rPr lang="ja-JP" altLang="en-US" sz="2800" b="0" i="0" dirty="0">
                <a:solidFill>
                  <a:srgbClr val="333333"/>
                </a:solidFill>
                <a:effectLst/>
                <a:latin typeface="BIZ UDPGothic" panose="020B0400000000000000" pitchFamily="50" charset="-128"/>
                <a:ea typeface="BIZ UDPGothic" panose="020B0400000000000000" pitchFamily="50" charset="-128"/>
              </a:rPr>
              <a:t>民間の資金、経営能力及び技術的能力を活用した公共施設等の整備等の促進を図るため、</a:t>
            </a:r>
            <a:r>
              <a:rPr lang="en-US" altLang="ja-JP" sz="2800" b="0" i="0" dirty="0">
                <a:solidFill>
                  <a:srgbClr val="333333"/>
                </a:solidFill>
                <a:effectLst/>
                <a:latin typeface="BIZ UDPGothic" panose="020B0400000000000000" pitchFamily="50" charset="-128"/>
                <a:ea typeface="BIZ UDPGothic" panose="020B0400000000000000" pitchFamily="50" charset="-128"/>
              </a:rPr>
              <a:t>(1)PFI</a:t>
            </a:r>
            <a:r>
              <a:rPr lang="ja-JP" altLang="en-US" sz="2800" b="0" i="0" dirty="0">
                <a:solidFill>
                  <a:srgbClr val="333333"/>
                </a:solidFill>
                <a:effectLst/>
                <a:latin typeface="BIZ UDPGothic" panose="020B0400000000000000" pitchFamily="50" charset="-128"/>
                <a:ea typeface="BIZ UDPGothic" panose="020B0400000000000000" pitchFamily="50" charset="-128"/>
              </a:rPr>
              <a:t>事業の対象となる公共施設等の拡大、</a:t>
            </a:r>
            <a:r>
              <a:rPr lang="en-US" altLang="ja-JP" sz="2800" b="0" i="0" dirty="0">
                <a:solidFill>
                  <a:srgbClr val="333333"/>
                </a:solidFill>
                <a:effectLst/>
                <a:latin typeface="BIZ UDPGothic" panose="020B0400000000000000" pitchFamily="50" charset="-128"/>
                <a:ea typeface="BIZ UDPGothic" panose="020B0400000000000000" pitchFamily="50" charset="-128"/>
              </a:rPr>
              <a:t>(2)</a:t>
            </a:r>
            <a:r>
              <a:rPr lang="ja-JP" altLang="en-US" sz="2800" b="0" i="0" dirty="0">
                <a:solidFill>
                  <a:srgbClr val="333333"/>
                </a:solidFill>
                <a:effectLst/>
                <a:latin typeface="BIZ UDPGothic" panose="020B0400000000000000" pitchFamily="50" charset="-128"/>
                <a:ea typeface="BIZ UDPGothic" panose="020B0400000000000000" pitchFamily="50" charset="-128"/>
              </a:rPr>
              <a:t>公共施設等運営事業に関する実施方針の変更手続の創設、</a:t>
            </a:r>
            <a:r>
              <a:rPr lang="en-US" altLang="ja-JP" sz="2800" b="0" i="0" dirty="0">
                <a:solidFill>
                  <a:srgbClr val="333333"/>
                </a:solidFill>
                <a:effectLst/>
                <a:latin typeface="BIZ UDPGothic" panose="020B0400000000000000" pitchFamily="50" charset="-128"/>
                <a:ea typeface="BIZ UDPGothic" panose="020B0400000000000000" pitchFamily="50" charset="-128"/>
              </a:rPr>
              <a:t>(3)</a:t>
            </a:r>
            <a:r>
              <a:rPr lang="ja-JP" altLang="en-US" sz="2800" b="0" i="0" dirty="0">
                <a:solidFill>
                  <a:srgbClr val="333333"/>
                </a:solidFill>
                <a:effectLst/>
                <a:latin typeface="BIZ UDPGothic" panose="020B0400000000000000" pitchFamily="50" charset="-128"/>
                <a:ea typeface="BIZ UDPGothic" panose="020B0400000000000000" pitchFamily="50" charset="-128"/>
              </a:rPr>
              <a:t>株式会社民間資金等活用事業推進機構（</a:t>
            </a:r>
            <a:r>
              <a:rPr lang="en-US" altLang="ja-JP" sz="2800" b="0" i="0" dirty="0">
                <a:solidFill>
                  <a:srgbClr val="333333"/>
                </a:solidFill>
                <a:effectLst/>
                <a:latin typeface="BIZ UDPGothic" panose="020B0400000000000000" pitchFamily="50" charset="-128"/>
                <a:ea typeface="BIZ UDPGothic" panose="020B0400000000000000" pitchFamily="50" charset="-128"/>
              </a:rPr>
              <a:t>PFI</a:t>
            </a:r>
            <a:r>
              <a:rPr lang="ja-JP" altLang="en-US" sz="2800" b="0" i="0" dirty="0">
                <a:solidFill>
                  <a:srgbClr val="333333"/>
                </a:solidFill>
                <a:effectLst/>
                <a:latin typeface="BIZ UDPGothic" panose="020B0400000000000000" pitchFamily="50" charset="-128"/>
                <a:ea typeface="BIZ UDPGothic" panose="020B0400000000000000" pitchFamily="50" charset="-128"/>
              </a:rPr>
              <a:t>推進機構）の業務の追加及び保有株式等の処分期限の延長に係る措置を講じた「民間資金等の活用による公共施設等の整備等の促進に関する法律の一部を改正する法律」が可決・成立しました。</a:t>
            </a:r>
          </a:p>
          <a:p>
            <a:pPr algn="l"/>
            <a:r>
              <a:rPr lang="ja-JP" altLang="en-US" sz="2800" b="1" i="0" dirty="0">
                <a:solidFill>
                  <a:srgbClr val="333333"/>
                </a:solidFill>
                <a:effectLst/>
                <a:latin typeface="BIZ UDPGothic" panose="020B0400000000000000" pitchFamily="50" charset="-128"/>
                <a:ea typeface="BIZ UDPGothic" panose="020B0400000000000000" pitchFamily="50" charset="-128"/>
              </a:rPr>
              <a:t>法律</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法律名：民間資金等の活用による公共施設等の整備等の促進に関する法律の一部を改正する法律（令和四年十二月十六日法律第一〇〇号）</a:t>
            </a:r>
          </a:p>
          <a:p>
            <a:pPr algn="l">
              <a:buFont typeface="Arial" panose="020B0604020202020204" pitchFamily="34" charset="0"/>
              <a:buChar char="•"/>
            </a:pPr>
            <a:r>
              <a:rPr lang="ja-JP" altLang="en-US" sz="2800" b="0" i="0" dirty="0">
                <a:solidFill>
                  <a:srgbClr val="333333"/>
                </a:solidFill>
                <a:effectLst/>
                <a:latin typeface="BIZ UDPGothic" panose="020B0400000000000000" pitchFamily="50" charset="-128"/>
                <a:ea typeface="BIZ UDPGothic" panose="020B0400000000000000" pitchFamily="50" charset="-128"/>
              </a:rPr>
              <a:t>公布日：令和</a:t>
            </a:r>
            <a:r>
              <a:rPr lang="en-US" altLang="ja-JP" sz="2800" b="0" i="0" dirty="0">
                <a:solidFill>
                  <a:srgbClr val="333333"/>
                </a:solidFill>
                <a:effectLst/>
                <a:latin typeface="BIZ UDPGothic" panose="020B0400000000000000" pitchFamily="50" charset="-128"/>
                <a:ea typeface="BIZ UDPGothic" panose="020B0400000000000000" pitchFamily="50" charset="-128"/>
              </a:rPr>
              <a:t>4</a:t>
            </a:r>
            <a:r>
              <a:rPr lang="ja-JP" altLang="en-US" sz="2800" b="0" i="0" dirty="0">
                <a:solidFill>
                  <a:srgbClr val="333333"/>
                </a:solidFill>
                <a:effectLst/>
                <a:latin typeface="BIZ UDPGothic" panose="020B0400000000000000" pitchFamily="50" charset="-128"/>
                <a:ea typeface="BIZ UDPGothic" panose="020B0400000000000000" pitchFamily="50" charset="-128"/>
              </a:rPr>
              <a:t>年</a:t>
            </a:r>
            <a:r>
              <a:rPr lang="en-US" altLang="ja-JP" sz="2800" b="0" i="0" dirty="0">
                <a:solidFill>
                  <a:srgbClr val="333333"/>
                </a:solidFill>
                <a:effectLst/>
                <a:latin typeface="BIZ UDPGothic" panose="020B0400000000000000" pitchFamily="50" charset="-128"/>
                <a:ea typeface="BIZ UDPGothic" panose="020B0400000000000000" pitchFamily="50" charset="-128"/>
              </a:rPr>
              <a:t>12</a:t>
            </a:r>
            <a:r>
              <a:rPr lang="ja-JP" altLang="en-US" sz="2800" b="0" i="0" dirty="0">
                <a:solidFill>
                  <a:srgbClr val="333333"/>
                </a:solidFill>
                <a:effectLst/>
                <a:latin typeface="BIZ UDPGothic" panose="020B0400000000000000" pitchFamily="50" charset="-128"/>
                <a:ea typeface="BIZ UDPGothic" panose="020B0400000000000000" pitchFamily="50" charset="-128"/>
              </a:rPr>
              <a:t>月</a:t>
            </a:r>
            <a:r>
              <a:rPr lang="en-US" altLang="ja-JP" sz="2800" b="0" i="0" dirty="0">
                <a:solidFill>
                  <a:srgbClr val="333333"/>
                </a:solidFill>
                <a:effectLst/>
                <a:latin typeface="BIZ UDPGothic" panose="020B0400000000000000" pitchFamily="50" charset="-128"/>
                <a:ea typeface="BIZ UDPGothic" panose="020B0400000000000000" pitchFamily="50" charset="-128"/>
              </a:rPr>
              <a:t>16</a:t>
            </a:r>
            <a:r>
              <a:rPr lang="ja-JP" altLang="en-US" sz="2800" b="0" i="0" dirty="0">
                <a:solidFill>
                  <a:srgbClr val="333333"/>
                </a:solidFill>
                <a:effectLst/>
                <a:latin typeface="BIZ UDPGothic" panose="020B0400000000000000" pitchFamily="50" charset="-128"/>
                <a:ea typeface="BIZ UDPGothic" panose="020B0400000000000000" pitchFamily="50" charset="-128"/>
              </a:rPr>
              <a:t>日</a:t>
            </a:r>
          </a:p>
        </p:txBody>
      </p:sp>
    </p:spTree>
    <p:extLst>
      <p:ext uri="{BB962C8B-B14F-4D97-AF65-F5344CB8AC3E}">
        <p14:creationId xmlns:p14="http://schemas.microsoft.com/office/powerpoint/2010/main" val="152207410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2BBFCAE9-C13E-1A8B-97D8-B1FDA0900990}"/>
              </a:ext>
            </a:extLst>
          </p:cNvPr>
          <p:cNvSpPr>
            <a:spLocks noGrp="1"/>
          </p:cNvSpPr>
          <p:nvPr>
            <p:ph type="sldNum" sz="quarter" idx="12"/>
          </p:nvPr>
        </p:nvSpPr>
        <p:spPr/>
        <p:txBody>
          <a:bodyPr/>
          <a:lstStyle/>
          <a:p>
            <a:fld id="{8CBE0B6B-AA1C-4A08-8C69-36F95E8FD104}" type="slidenum">
              <a:rPr kumimoji="1" lang="ja-JP" altLang="en-US" smtClean="0"/>
              <a:t>18</a:t>
            </a:fld>
            <a:endParaRPr kumimoji="1" lang="ja-JP" altLang="en-US"/>
          </a:p>
        </p:txBody>
      </p:sp>
      <p:sp>
        <p:nvSpPr>
          <p:cNvPr id="3" name="テキスト ボックス 2">
            <a:extLst>
              <a:ext uri="{FF2B5EF4-FFF2-40B4-BE49-F238E27FC236}">
                <a16:creationId xmlns:a16="http://schemas.microsoft.com/office/drawing/2014/main" id="{E969E3BF-F20D-CA4F-7A9F-017C97574EEA}"/>
              </a:ext>
            </a:extLst>
          </p:cNvPr>
          <p:cNvSpPr txBox="1"/>
          <p:nvPr/>
        </p:nvSpPr>
        <p:spPr>
          <a:xfrm>
            <a:off x="463689" y="1394742"/>
            <a:ext cx="11264622" cy="4739759"/>
          </a:xfrm>
          <a:prstGeom prst="rect">
            <a:avLst/>
          </a:prstGeom>
          <a:noFill/>
        </p:spPr>
        <p:txBody>
          <a:bodyPr wrap="none" rtlCol="0">
            <a:spAutoFit/>
          </a:bodyPr>
          <a:lstStyle/>
          <a:p>
            <a:r>
              <a:rPr kumimoji="1" lang="en-US" altLang="ja-JP" sz="3200" dirty="0"/>
              <a:t>PFI</a:t>
            </a:r>
            <a:r>
              <a:rPr kumimoji="1" lang="ja-JP" altLang="en-US" sz="3200" dirty="0"/>
              <a:t>に関して</a:t>
            </a:r>
            <a:endParaRPr lang="en-US" altLang="ja-JP" sz="3200" dirty="0"/>
          </a:p>
          <a:p>
            <a:endParaRPr kumimoji="1" lang="en-US" altLang="ja-JP" sz="3200" dirty="0"/>
          </a:p>
          <a:p>
            <a:r>
              <a:rPr lang="ja-JP" altLang="en-US" sz="3200" dirty="0"/>
              <a:t>内閣府　　　　やりたい。やらなければならない</a:t>
            </a:r>
            <a:endParaRPr lang="en-US" altLang="ja-JP" sz="3200" dirty="0"/>
          </a:p>
          <a:p>
            <a:endParaRPr kumimoji="1" lang="en-US" altLang="ja-JP" sz="3200" dirty="0"/>
          </a:p>
          <a:p>
            <a:r>
              <a:rPr lang="ja-JP" altLang="en-US" sz="3200" dirty="0"/>
              <a:t>国土交通省　　総合政策局　やらなければならない</a:t>
            </a:r>
            <a:endParaRPr lang="en-US" altLang="ja-JP" sz="3200" dirty="0"/>
          </a:p>
          <a:p>
            <a:endParaRPr lang="en-US" altLang="ja-JP" sz="3200" dirty="0"/>
          </a:p>
          <a:p>
            <a:r>
              <a:rPr lang="ja-JP" altLang="en-US" sz="3200" dirty="0"/>
              <a:t>　　　　　　　道路局　　　やりたくない　通常事業で</a:t>
            </a:r>
            <a:endParaRPr lang="en-US" altLang="ja-JP" sz="3200" dirty="0"/>
          </a:p>
          <a:p>
            <a:r>
              <a:rPr kumimoji="1" lang="ja-JP" altLang="en-US" sz="3200" dirty="0"/>
              <a:t>　　　　　　　　　　　　　（自分たちの権益を守りたい）</a:t>
            </a:r>
            <a:endParaRPr kumimoji="1" lang="en-US" altLang="ja-JP" sz="3200" dirty="0"/>
          </a:p>
          <a:p>
            <a:endParaRPr lang="en-US" altLang="ja-JP" sz="2800" dirty="0"/>
          </a:p>
          <a:p>
            <a:endParaRPr kumimoji="1" lang="ja-JP" altLang="en-US" dirty="0"/>
          </a:p>
        </p:txBody>
      </p:sp>
      <p:sp>
        <p:nvSpPr>
          <p:cNvPr id="4" name="星: 10 pt 3">
            <a:extLst>
              <a:ext uri="{FF2B5EF4-FFF2-40B4-BE49-F238E27FC236}">
                <a16:creationId xmlns:a16="http://schemas.microsoft.com/office/drawing/2014/main" id="{3D057108-4874-2C4E-7436-9BCB5F52310D}"/>
              </a:ext>
            </a:extLst>
          </p:cNvPr>
          <p:cNvSpPr/>
          <p:nvPr/>
        </p:nvSpPr>
        <p:spPr>
          <a:xfrm>
            <a:off x="796413" y="250722"/>
            <a:ext cx="4793226" cy="914400"/>
          </a:xfrm>
          <a:prstGeom prst="star10">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r>
              <a:rPr kumimoji="1" lang="ja-JP" altLang="en-US" sz="4800" dirty="0">
                <a:solidFill>
                  <a:schemeClr val="tx1"/>
                </a:solidFill>
              </a:rPr>
              <a:t>本　　音</a:t>
            </a:r>
          </a:p>
        </p:txBody>
      </p:sp>
    </p:spTree>
    <p:extLst>
      <p:ext uri="{BB962C8B-B14F-4D97-AF65-F5344CB8AC3E}">
        <p14:creationId xmlns:p14="http://schemas.microsoft.com/office/powerpoint/2010/main" val="1412489183"/>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276F1751-8091-4D47-90F3-B46DCC5C9CCE}"/>
              </a:ext>
            </a:extLst>
          </p:cNvPr>
          <p:cNvSpPr txBox="1"/>
          <p:nvPr/>
        </p:nvSpPr>
        <p:spPr>
          <a:xfrm>
            <a:off x="2279576" y="548680"/>
            <a:ext cx="7015062" cy="4801314"/>
          </a:xfrm>
          <a:prstGeom prst="rect">
            <a:avLst/>
          </a:prstGeom>
          <a:noFill/>
        </p:spPr>
        <p:txBody>
          <a:bodyPr wrap="none" rtlCol="0">
            <a:spAutoFit/>
          </a:bodyPr>
          <a:lstStyle/>
          <a:p>
            <a:r>
              <a:rPr lang="ja-JP" altLang="en-US" sz="3600" dirty="0"/>
              <a:t>自治体の仕事がとりたいのなら</a:t>
            </a:r>
            <a:endParaRPr lang="en-US" altLang="ja-JP" sz="3600" dirty="0"/>
          </a:p>
          <a:p>
            <a:endParaRPr lang="en-US" altLang="ja-JP" sz="3600" dirty="0"/>
          </a:p>
          <a:p>
            <a:r>
              <a:rPr lang="ja-JP" altLang="en-US" sz="3600" dirty="0"/>
              <a:t>〇業者登録</a:t>
            </a:r>
            <a:endParaRPr lang="en-US" altLang="ja-JP" sz="3600" dirty="0"/>
          </a:p>
          <a:p>
            <a:r>
              <a:rPr lang="ja-JP" altLang="en-US" sz="3600" dirty="0"/>
              <a:t>　　入札参加資格の取得</a:t>
            </a:r>
            <a:endParaRPr lang="en-US" altLang="ja-JP" sz="3600" dirty="0"/>
          </a:p>
          <a:p>
            <a:r>
              <a:rPr lang="ja-JP" altLang="en-US" sz="3600" dirty="0"/>
              <a:t>　　委託業務、請負業務に分かれる</a:t>
            </a:r>
            <a:endParaRPr lang="en-US" altLang="ja-JP" sz="3600" dirty="0"/>
          </a:p>
          <a:p>
            <a:r>
              <a:rPr lang="ja-JP" altLang="en-US" sz="3600" dirty="0"/>
              <a:t>〇自治体に如何に入り込むか？</a:t>
            </a:r>
            <a:endParaRPr lang="en-US" altLang="ja-JP" sz="3600" dirty="0"/>
          </a:p>
          <a:p>
            <a:r>
              <a:rPr lang="ja-JP" altLang="en-US" sz="3600" dirty="0"/>
              <a:t>〇新技術を売り込みたい？</a:t>
            </a:r>
            <a:endParaRPr lang="en-US" altLang="ja-JP" sz="3600" dirty="0"/>
          </a:p>
          <a:p>
            <a:r>
              <a:rPr lang="ja-JP" altLang="en-US" sz="3600" dirty="0"/>
              <a:t>〇とにかく参入したい？</a:t>
            </a:r>
            <a:endParaRPr lang="en-US" altLang="ja-JP" sz="3600" dirty="0"/>
          </a:p>
          <a:p>
            <a:endParaRPr lang="ja-JP" altLang="en-US" dirty="0"/>
          </a:p>
        </p:txBody>
      </p:sp>
    </p:spTree>
    <p:extLst>
      <p:ext uri="{BB962C8B-B14F-4D97-AF65-F5344CB8AC3E}">
        <p14:creationId xmlns:p14="http://schemas.microsoft.com/office/powerpoint/2010/main" val="360345907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D69F5C13-F1CF-4A9D-A844-0A11F702CE70}"/>
              </a:ext>
            </a:extLst>
          </p:cNvPr>
          <p:cNvPicPr>
            <a:picLocks noChangeAspect="1"/>
          </p:cNvPicPr>
          <p:nvPr/>
        </p:nvPicPr>
        <p:blipFill>
          <a:blip r:embed="rId2"/>
          <a:stretch>
            <a:fillRect/>
          </a:stretch>
        </p:blipFill>
        <p:spPr>
          <a:xfrm>
            <a:off x="1703513" y="990020"/>
            <a:ext cx="8611767" cy="4671228"/>
          </a:xfrm>
          <a:prstGeom prst="rect">
            <a:avLst/>
          </a:prstGeom>
        </p:spPr>
      </p:pic>
      <p:sp>
        <p:nvSpPr>
          <p:cNvPr id="3" name="テキスト ボックス 2">
            <a:extLst>
              <a:ext uri="{FF2B5EF4-FFF2-40B4-BE49-F238E27FC236}">
                <a16:creationId xmlns:a16="http://schemas.microsoft.com/office/drawing/2014/main" id="{9093D457-D74A-455E-92D2-30B08EDEDFBF}"/>
              </a:ext>
            </a:extLst>
          </p:cNvPr>
          <p:cNvSpPr txBox="1"/>
          <p:nvPr/>
        </p:nvSpPr>
        <p:spPr>
          <a:xfrm>
            <a:off x="2423593" y="620688"/>
            <a:ext cx="3108543" cy="369332"/>
          </a:xfrm>
          <a:prstGeom prst="rect">
            <a:avLst/>
          </a:prstGeom>
          <a:noFill/>
        </p:spPr>
        <p:txBody>
          <a:bodyPr wrap="none" rtlCol="0">
            <a:spAutoFit/>
          </a:bodyPr>
          <a:lstStyle/>
          <a:p>
            <a:r>
              <a:rPr lang="ja-JP" altLang="en-US" dirty="0"/>
              <a:t>自治体の課題　職員数の減少</a:t>
            </a:r>
          </a:p>
        </p:txBody>
      </p:sp>
      <p:sp>
        <p:nvSpPr>
          <p:cNvPr id="4" name="テキスト ボックス 3">
            <a:extLst>
              <a:ext uri="{FF2B5EF4-FFF2-40B4-BE49-F238E27FC236}">
                <a16:creationId xmlns:a16="http://schemas.microsoft.com/office/drawing/2014/main" id="{DBB6DBEC-52E9-4EE6-AF02-DBBAAACF8689}"/>
              </a:ext>
            </a:extLst>
          </p:cNvPr>
          <p:cNvSpPr txBox="1"/>
          <p:nvPr/>
        </p:nvSpPr>
        <p:spPr>
          <a:xfrm>
            <a:off x="2063552" y="5661249"/>
            <a:ext cx="7734810" cy="954107"/>
          </a:xfrm>
          <a:prstGeom prst="rect">
            <a:avLst/>
          </a:prstGeom>
          <a:noFill/>
        </p:spPr>
        <p:txBody>
          <a:bodyPr wrap="none" rtlCol="0">
            <a:spAutoFit/>
          </a:bodyPr>
          <a:lstStyle/>
          <a:p>
            <a:r>
              <a:rPr lang="ja-JP" altLang="en-US" sz="2800" dirty="0"/>
              <a:t>今後も自治体職員数は減りつずける</a:t>
            </a:r>
            <a:endParaRPr lang="en-US" altLang="ja-JP" sz="2800" dirty="0"/>
          </a:p>
          <a:p>
            <a:r>
              <a:rPr lang="ja-JP" altLang="en-US" sz="2800" dirty="0"/>
              <a:t>人口減少　⇒目安　人口</a:t>
            </a:r>
            <a:r>
              <a:rPr lang="en-US" altLang="ja-JP" sz="2800" dirty="0"/>
              <a:t>1,000</a:t>
            </a:r>
            <a:r>
              <a:rPr lang="ja-JP" altLang="en-US" sz="2800" dirty="0"/>
              <a:t>人で職員</a:t>
            </a:r>
            <a:r>
              <a:rPr lang="en-US" altLang="ja-JP" sz="2800" dirty="0"/>
              <a:t>1</a:t>
            </a:r>
            <a:r>
              <a:rPr lang="ja-JP" altLang="en-US" sz="2800" dirty="0"/>
              <a:t>人（割合）</a:t>
            </a:r>
          </a:p>
        </p:txBody>
      </p:sp>
    </p:spTree>
    <p:extLst>
      <p:ext uri="{BB962C8B-B14F-4D97-AF65-F5344CB8AC3E}">
        <p14:creationId xmlns:p14="http://schemas.microsoft.com/office/powerpoint/2010/main" val="351724188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237A8617-695C-4C8D-826B-52C6931BFA09}"/>
              </a:ext>
            </a:extLst>
          </p:cNvPr>
          <p:cNvSpPr txBox="1"/>
          <p:nvPr/>
        </p:nvSpPr>
        <p:spPr>
          <a:xfrm>
            <a:off x="1991544" y="764705"/>
            <a:ext cx="6631944" cy="3108543"/>
          </a:xfrm>
          <a:prstGeom prst="rect">
            <a:avLst/>
          </a:prstGeom>
          <a:noFill/>
        </p:spPr>
        <p:txBody>
          <a:bodyPr wrap="none" rtlCol="0">
            <a:spAutoFit/>
          </a:bodyPr>
          <a:lstStyle/>
          <a:p>
            <a:r>
              <a:rPr lang="ja-JP" altLang="en-US" sz="2800" dirty="0"/>
              <a:t>提案営業と言うけれど・・・・・</a:t>
            </a:r>
            <a:endParaRPr lang="en-US" altLang="ja-JP" sz="2800" dirty="0"/>
          </a:p>
          <a:p>
            <a:endParaRPr lang="en-US" altLang="ja-JP" sz="2800" dirty="0"/>
          </a:p>
          <a:p>
            <a:r>
              <a:rPr lang="ja-JP" altLang="en-US" sz="2800" dirty="0"/>
              <a:t>じつは、本当の意味での提案営業を受ける</a:t>
            </a:r>
            <a:endParaRPr lang="en-US" altLang="ja-JP" sz="2800" dirty="0"/>
          </a:p>
          <a:p>
            <a:r>
              <a:rPr lang="ja-JP" altLang="en-US" sz="2800" dirty="0"/>
              <a:t>ことはまずない</a:t>
            </a:r>
            <a:endParaRPr lang="en-US" altLang="ja-JP" sz="2800" dirty="0"/>
          </a:p>
          <a:p>
            <a:endParaRPr lang="en-US" altLang="ja-JP" sz="2800" dirty="0"/>
          </a:p>
          <a:p>
            <a:r>
              <a:rPr lang="ja-JP" altLang="en-US" sz="2800" dirty="0"/>
              <a:t>提案しているつもりなのかもしれないが、</a:t>
            </a:r>
            <a:endParaRPr lang="en-US" altLang="ja-JP" sz="2800" dirty="0"/>
          </a:p>
          <a:p>
            <a:r>
              <a:rPr lang="ja-JP" altLang="en-US" sz="2800" dirty="0"/>
              <a:t>自分たちの都合でされてもね！</a:t>
            </a:r>
          </a:p>
        </p:txBody>
      </p:sp>
    </p:spTree>
    <p:extLst>
      <p:ext uri="{BB962C8B-B14F-4D97-AF65-F5344CB8AC3E}">
        <p14:creationId xmlns:p14="http://schemas.microsoft.com/office/powerpoint/2010/main" val="347142393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4707CBE-4332-4E8E-AB21-F6FA04D317FB}"/>
              </a:ext>
            </a:extLst>
          </p:cNvPr>
          <p:cNvSpPr>
            <a:spLocks noGrp="1"/>
          </p:cNvSpPr>
          <p:nvPr>
            <p:ph type="title"/>
          </p:nvPr>
        </p:nvSpPr>
        <p:spPr>
          <a:xfrm>
            <a:off x="1621646" y="260648"/>
            <a:ext cx="8794834" cy="1143000"/>
          </a:xfrm>
        </p:spPr>
        <p:txBody>
          <a:bodyPr>
            <a:normAutofit/>
          </a:bodyPr>
          <a:lstStyle/>
          <a:p>
            <a:r>
              <a:rPr lang="ja-JP" altLang="en-US" sz="3200" dirty="0"/>
              <a:t>自治体が欲している技術・情報・アイディア</a:t>
            </a:r>
          </a:p>
        </p:txBody>
      </p:sp>
      <p:sp>
        <p:nvSpPr>
          <p:cNvPr id="3" name="テキスト ボックス 2">
            <a:extLst>
              <a:ext uri="{FF2B5EF4-FFF2-40B4-BE49-F238E27FC236}">
                <a16:creationId xmlns:a16="http://schemas.microsoft.com/office/drawing/2014/main" id="{A9985CD6-1ED3-49C6-8DD4-86EE2784C36C}"/>
              </a:ext>
            </a:extLst>
          </p:cNvPr>
          <p:cNvSpPr txBox="1"/>
          <p:nvPr/>
        </p:nvSpPr>
        <p:spPr>
          <a:xfrm>
            <a:off x="1919537" y="1592180"/>
            <a:ext cx="7633821" cy="5355312"/>
          </a:xfrm>
          <a:prstGeom prst="rect">
            <a:avLst/>
          </a:prstGeom>
          <a:noFill/>
        </p:spPr>
        <p:txBody>
          <a:bodyPr wrap="none" rtlCol="0">
            <a:spAutoFit/>
          </a:bodyPr>
          <a:lstStyle/>
          <a:p>
            <a:r>
              <a:rPr lang="ja-JP" altLang="en-US" sz="2400" dirty="0"/>
              <a:t>本当に民間にそんなすごい技術あるの？</a:t>
            </a:r>
            <a:endParaRPr lang="en-US" altLang="ja-JP" sz="2400" dirty="0"/>
          </a:p>
          <a:p>
            <a:r>
              <a:rPr lang="ja-JP" altLang="en-US" sz="2400" dirty="0"/>
              <a:t>有れば、役所側でも大体はつかんでいる。伝わっている。</a:t>
            </a:r>
            <a:endParaRPr lang="en-US" altLang="ja-JP" sz="2400" dirty="0"/>
          </a:p>
          <a:p>
            <a:endParaRPr lang="en-US" altLang="ja-JP" sz="2400" dirty="0"/>
          </a:p>
          <a:p>
            <a:r>
              <a:rPr lang="ja-JP" altLang="en-US" sz="2400" dirty="0"/>
              <a:t>情報もそんなに持ってるの。</a:t>
            </a:r>
            <a:endParaRPr lang="en-US" altLang="ja-JP" sz="2400" dirty="0"/>
          </a:p>
          <a:p>
            <a:r>
              <a:rPr lang="ja-JP" altLang="en-US" sz="2400" dirty="0"/>
              <a:t>そんなにあるのならばなぜ活かせない？</a:t>
            </a:r>
            <a:endParaRPr lang="en-US" altLang="ja-JP" sz="2400" dirty="0"/>
          </a:p>
          <a:p>
            <a:r>
              <a:rPr lang="ja-JP" altLang="en-US" sz="2400" dirty="0"/>
              <a:t>役所が一番欲しいのは中央の、新たな交付金制度の情報</a:t>
            </a:r>
            <a:endParaRPr lang="en-US" altLang="ja-JP" sz="2400" dirty="0"/>
          </a:p>
          <a:p>
            <a:endParaRPr lang="en-US" altLang="ja-JP" sz="2400" dirty="0"/>
          </a:p>
          <a:p>
            <a:r>
              <a:rPr lang="ja-JP" altLang="en-US" sz="2400" dirty="0"/>
              <a:t>アイディアもそんなにあるの？</a:t>
            </a:r>
            <a:endParaRPr lang="en-US" altLang="ja-JP" sz="2400" dirty="0"/>
          </a:p>
          <a:p>
            <a:r>
              <a:rPr lang="ja-JP" altLang="en-US" sz="2400" dirty="0"/>
              <a:t>あるのならばなぜ提案しない？</a:t>
            </a:r>
            <a:endParaRPr lang="en-US" altLang="ja-JP" sz="2400" dirty="0"/>
          </a:p>
          <a:p>
            <a:endParaRPr lang="en-US" altLang="ja-JP" sz="2400" dirty="0"/>
          </a:p>
          <a:p>
            <a:r>
              <a:rPr lang="ja-JP" altLang="en-US" sz="2400" dirty="0"/>
              <a:t>提案する相手は？ずれてない？</a:t>
            </a:r>
            <a:endParaRPr lang="en-US" altLang="ja-JP" sz="2400" dirty="0"/>
          </a:p>
          <a:p>
            <a:r>
              <a:rPr lang="ja-JP" altLang="en-US" sz="2400" dirty="0"/>
              <a:t>誰に相談している？</a:t>
            </a:r>
            <a:endParaRPr lang="en-US" altLang="ja-JP" sz="2400" dirty="0"/>
          </a:p>
          <a:p>
            <a:endParaRPr lang="en-US" altLang="ja-JP" dirty="0"/>
          </a:p>
          <a:p>
            <a:endParaRPr lang="en-US" altLang="ja-JP" dirty="0"/>
          </a:p>
          <a:p>
            <a:endParaRPr lang="ja-JP" altLang="en-US" dirty="0"/>
          </a:p>
        </p:txBody>
      </p:sp>
    </p:spTree>
    <p:extLst>
      <p:ext uri="{BB962C8B-B14F-4D97-AF65-F5344CB8AC3E}">
        <p14:creationId xmlns:p14="http://schemas.microsoft.com/office/powerpoint/2010/main" val="405459831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196010D5-CC15-4B83-85DC-FD990909D02C}"/>
              </a:ext>
            </a:extLst>
          </p:cNvPr>
          <p:cNvSpPr>
            <a:spLocks noGrp="1"/>
          </p:cNvSpPr>
          <p:nvPr>
            <p:ph type="sldNum" sz="quarter" idx="12"/>
          </p:nvPr>
        </p:nvSpPr>
        <p:spPr/>
        <p:txBody>
          <a:bodyPr/>
          <a:lstStyle/>
          <a:p>
            <a:fld id="{350E13FB-DCAF-430E-9FD5-74CCF70954EF}" type="slidenum">
              <a:rPr lang="en-US" altLang="ja-JP" smtClean="0">
                <a:solidFill>
                  <a:srgbClr val="000000"/>
                </a:solidFill>
              </a:rPr>
              <a:pPr/>
              <a:t>22</a:t>
            </a:fld>
            <a:endParaRPr lang="en-US" altLang="ja-JP">
              <a:solidFill>
                <a:srgbClr val="000000"/>
              </a:solidFill>
            </a:endParaRPr>
          </a:p>
        </p:txBody>
      </p:sp>
      <p:sp>
        <p:nvSpPr>
          <p:cNvPr id="3" name="テキスト ボックス 2">
            <a:extLst>
              <a:ext uri="{FF2B5EF4-FFF2-40B4-BE49-F238E27FC236}">
                <a16:creationId xmlns:a16="http://schemas.microsoft.com/office/drawing/2014/main" id="{98658827-7309-AEAA-B104-FDFAC36F6AB5}"/>
              </a:ext>
            </a:extLst>
          </p:cNvPr>
          <p:cNvSpPr txBox="1"/>
          <p:nvPr/>
        </p:nvSpPr>
        <p:spPr>
          <a:xfrm>
            <a:off x="2225040" y="716280"/>
            <a:ext cx="7242688" cy="3416320"/>
          </a:xfrm>
          <a:prstGeom prst="rect">
            <a:avLst/>
          </a:prstGeom>
          <a:noFill/>
        </p:spPr>
        <p:txBody>
          <a:bodyPr wrap="none" rtlCol="0">
            <a:spAutoFit/>
          </a:bodyPr>
          <a:lstStyle/>
          <a:p>
            <a:r>
              <a:rPr lang="ja-JP" altLang="en-US" dirty="0"/>
              <a:t>最近示された事項とそれへの対処</a:t>
            </a:r>
            <a:endParaRPr lang="en-US" altLang="ja-JP" dirty="0"/>
          </a:p>
          <a:p>
            <a:endParaRPr lang="en-US" altLang="ja-JP" dirty="0"/>
          </a:p>
          <a:p>
            <a:r>
              <a:rPr lang="ja-JP" altLang="en-US" dirty="0"/>
              <a:t>１．「道路メンテナンス事業補助制度要綱の改正について」</a:t>
            </a:r>
            <a:endParaRPr lang="en-US" altLang="ja-JP" dirty="0"/>
          </a:p>
          <a:p>
            <a:r>
              <a:rPr lang="ja-JP" altLang="en-US" dirty="0"/>
              <a:t>　　優先支援</a:t>
            </a:r>
            <a:endParaRPr lang="en-US" altLang="ja-JP" dirty="0"/>
          </a:p>
          <a:p>
            <a:r>
              <a:rPr lang="ja-JP" altLang="en-US" dirty="0"/>
              <a:t>　　①新技術等の活用促進</a:t>
            </a:r>
            <a:endParaRPr lang="en-US" altLang="ja-JP" dirty="0"/>
          </a:p>
          <a:p>
            <a:r>
              <a:rPr lang="ja-JP" altLang="en-US" dirty="0"/>
              <a:t>　　②実効性のある長寿命化修繕計画の策定促進</a:t>
            </a:r>
            <a:endParaRPr lang="en-US" altLang="ja-JP" dirty="0"/>
          </a:p>
          <a:p>
            <a:endParaRPr lang="en-US" altLang="ja-JP" dirty="0"/>
          </a:p>
          <a:p>
            <a:endParaRPr lang="en-US" altLang="ja-JP" dirty="0"/>
          </a:p>
          <a:p>
            <a:pPr algn="l"/>
            <a:r>
              <a:rPr lang="ja-JP" altLang="en-US" dirty="0"/>
              <a:t>２．</a:t>
            </a:r>
            <a:r>
              <a:rPr lang="ja-JP" altLang="en-US" dirty="0">
                <a:latin typeface="UDデジタル教科書体NP-R"/>
              </a:rPr>
              <a:t>総力戦で取り組むべき次世代の「地域インフラ群再生戦略マネジメント</a:t>
            </a:r>
            <a:endParaRPr lang="en-US" altLang="ja-JP" dirty="0">
              <a:latin typeface="UDデジタル教科書体NP-R"/>
            </a:endParaRPr>
          </a:p>
          <a:p>
            <a:pPr algn="l"/>
            <a:r>
              <a:rPr lang="ja-JP" altLang="en-US" dirty="0">
                <a:latin typeface="UDデジタル教科書体NP-R"/>
              </a:rPr>
              <a:t>　　</a:t>
            </a:r>
            <a:r>
              <a:rPr lang="en-US" altLang="ja-JP" dirty="0">
                <a:latin typeface="UDデジタル教科書体NP-R"/>
              </a:rPr>
              <a:t>(</a:t>
            </a:r>
            <a:r>
              <a:rPr lang="ja-JP" altLang="en-US" dirty="0">
                <a:latin typeface="UDデジタル教科書体NP-R"/>
              </a:rPr>
              <a:t>仮称</a:t>
            </a:r>
            <a:r>
              <a:rPr lang="en-US" altLang="ja-JP" dirty="0">
                <a:latin typeface="UDデジタル教科書体NP-R"/>
              </a:rPr>
              <a:t>)</a:t>
            </a:r>
            <a:r>
              <a:rPr lang="ja-JP" altLang="en-US" dirty="0">
                <a:latin typeface="UDデジタル教科書体NP-R"/>
              </a:rPr>
              <a:t>」～インフラメンテナンス第２フェーズへ～</a:t>
            </a:r>
          </a:p>
          <a:p>
            <a:pPr algn="l"/>
            <a:r>
              <a:rPr lang="ja-JP" altLang="en-US" dirty="0">
                <a:latin typeface="UDデジタル教科書体NP-R"/>
              </a:rPr>
              <a:t>　　　社会資本メンテナンス戦略小委員会　</a:t>
            </a:r>
            <a:r>
              <a:rPr lang="zh-TW" altLang="en-US" dirty="0">
                <a:latin typeface="UDデジタル教科書体NP-R"/>
              </a:rPr>
              <a:t>提言書（案）</a:t>
            </a:r>
            <a:endParaRPr lang="en-US" altLang="zh-TW" dirty="0">
              <a:latin typeface="UDデジタル教科書体NP-R"/>
            </a:endParaRPr>
          </a:p>
          <a:p>
            <a:pPr algn="l"/>
            <a:endParaRPr lang="ja-JP" altLang="en-US" dirty="0"/>
          </a:p>
        </p:txBody>
      </p:sp>
      <p:sp>
        <p:nvSpPr>
          <p:cNvPr id="4" name="矢印: 下 3">
            <a:extLst>
              <a:ext uri="{FF2B5EF4-FFF2-40B4-BE49-F238E27FC236}">
                <a16:creationId xmlns:a16="http://schemas.microsoft.com/office/drawing/2014/main" id="{16487E47-B5CB-255E-D168-FF59B33C79E5}"/>
              </a:ext>
            </a:extLst>
          </p:cNvPr>
          <p:cNvSpPr/>
          <p:nvPr/>
        </p:nvSpPr>
        <p:spPr>
          <a:xfrm>
            <a:off x="4581944" y="4227686"/>
            <a:ext cx="1691640" cy="56388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 name="テキスト ボックス 4">
            <a:extLst>
              <a:ext uri="{FF2B5EF4-FFF2-40B4-BE49-F238E27FC236}">
                <a16:creationId xmlns:a16="http://schemas.microsoft.com/office/drawing/2014/main" id="{D392E1AC-8F47-08F8-FC0D-CD099A44B3BB}"/>
              </a:ext>
            </a:extLst>
          </p:cNvPr>
          <p:cNvSpPr txBox="1"/>
          <p:nvPr/>
        </p:nvSpPr>
        <p:spPr>
          <a:xfrm>
            <a:off x="2621281" y="5318760"/>
            <a:ext cx="4559261" cy="923330"/>
          </a:xfrm>
          <a:prstGeom prst="rect">
            <a:avLst/>
          </a:prstGeom>
          <a:noFill/>
        </p:spPr>
        <p:txBody>
          <a:bodyPr wrap="none" rtlCol="0">
            <a:spAutoFit/>
          </a:bodyPr>
          <a:lstStyle/>
          <a:p>
            <a:r>
              <a:rPr lang="ja-JP" altLang="en-US" dirty="0"/>
              <a:t>示されただけで、具体的なことは出ていない。</a:t>
            </a:r>
            <a:endParaRPr lang="en-US" altLang="ja-JP" dirty="0"/>
          </a:p>
          <a:p>
            <a:r>
              <a:rPr lang="ja-JP" altLang="en-US" dirty="0"/>
              <a:t>これでは、動けないですよね！</a:t>
            </a:r>
            <a:endParaRPr lang="en-US" altLang="ja-JP" dirty="0"/>
          </a:p>
          <a:p>
            <a:r>
              <a:rPr lang="ja-JP" altLang="en-US" dirty="0"/>
              <a:t>きちんと考えないと！</a:t>
            </a:r>
          </a:p>
        </p:txBody>
      </p:sp>
    </p:spTree>
    <p:extLst>
      <p:ext uri="{BB962C8B-B14F-4D97-AF65-F5344CB8AC3E}">
        <p14:creationId xmlns:p14="http://schemas.microsoft.com/office/powerpoint/2010/main" val="932093271"/>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DC318A81-7952-BAF1-0191-0DB3B79B4571}"/>
              </a:ext>
            </a:extLst>
          </p:cNvPr>
          <p:cNvPicPr>
            <a:picLocks noChangeAspect="1"/>
          </p:cNvPicPr>
          <p:nvPr/>
        </p:nvPicPr>
        <p:blipFill>
          <a:blip r:embed="rId2"/>
          <a:stretch>
            <a:fillRect/>
          </a:stretch>
        </p:blipFill>
        <p:spPr>
          <a:xfrm>
            <a:off x="3467100" y="0"/>
            <a:ext cx="5257800" cy="6971966"/>
          </a:xfrm>
          <a:prstGeom prst="rect">
            <a:avLst/>
          </a:prstGeom>
        </p:spPr>
      </p:pic>
      <p:sp>
        <p:nvSpPr>
          <p:cNvPr id="2" name="テキスト ボックス 1">
            <a:extLst>
              <a:ext uri="{FF2B5EF4-FFF2-40B4-BE49-F238E27FC236}">
                <a16:creationId xmlns:a16="http://schemas.microsoft.com/office/drawing/2014/main" id="{61B46380-EFA7-82C3-7DA6-4E6DE8B91D7D}"/>
              </a:ext>
            </a:extLst>
          </p:cNvPr>
          <p:cNvSpPr txBox="1"/>
          <p:nvPr/>
        </p:nvSpPr>
        <p:spPr>
          <a:xfrm>
            <a:off x="1835884" y="121920"/>
            <a:ext cx="3262432" cy="707886"/>
          </a:xfrm>
          <a:prstGeom prst="rect">
            <a:avLst/>
          </a:prstGeom>
          <a:noFill/>
        </p:spPr>
        <p:txBody>
          <a:bodyPr wrap="none" rtlCol="0">
            <a:spAutoFit/>
          </a:bodyPr>
          <a:lstStyle/>
          <a:p>
            <a:r>
              <a:rPr lang="ja-JP" altLang="en-US" sz="4000" dirty="0"/>
              <a:t>新技術の導入</a:t>
            </a:r>
          </a:p>
        </p:txBody>
      </p:sp>
    </p:spTree>
    <p:extLst>
      <p:ext uri="{BB962C8B-B14F-4D97-AF65-F5344CB8AC3E}">
        <p14:creationId xmlns:p14="http://schemas.microsoft.com/office/powerpoint/2010/main" val="328553870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54C2600A-EDFC-45BC-B651-E21925D1631C}"/>
              </a:ext>
            </a:extLst>
          </p:cNvPr>
          <p:cNvSpPr txBox="1"/>
          <p:nvPr/>
        </p:nvSpPr>
        <p:spPr>
          <a:xfrm>
            <a:off x="2667000" y="2348881"/>
            <a:ext cx="7467600" cy="3715504"/>
          </a:xfrm>
          <a:prstGeom prst="rect">
            <a:avLst/>
          </a:prstGeom>
          <a:noFill/>
        </p:spPr>
        <p:txBody>
          <a:bodyPr wrap="square">
            <a:spAutoFit/>
          </a:bodyPr>
          <a:lstStyle/>
          <a:p>
            <a:endParaRPr lang="en-US" altLang="ja-JP" sz="1534" dirty="0"/>
          </a:p>
          <a:p>
            <a:endParaRPr lang="en-US" altLang="ja-JP" sz="1534" dirty="0"/>
          </a:p>
          <a:p>
            <a:endParaRPr lang="en-US" altLang="ja-JP" sz="1534" dirty="0"/>
          </a:p>
          <a:p>
            <a:endParaRPr lang="en-US" altLang="ja-JP" sz="1534" dirty="0"/>
          </a:p>
          <a:p>
            <a:r>
              <a:rPr lang="ja-JP" altLang="en-US" sz="1534" dirty="0"/>
              <a:t>〇　　新技術導入促進ワーキンググループ 　委員名簿</a:t>
            </a:r>
            <a:endParaRPr lang="en-US" altLang="ja-JP" sz="1534" dirty="0"/>
          </a:p>
          <a:p>
            <a:r>
              <a:rPr lang="ja-JP" altLang="en-US" sz="1534" dirty="0"/>
              <a:t> </a:t>
            </a:r>
            <a:endParaRPr lang="en-US" altLang="ja-JP" sz="1534" dirty="0"/>
          </a:p>
          <a:p>
            <a:r>
              <a:rPr lang="ja-JP" altLang="en-US" sz="1534" dirty="0"/>
              <a:t>座長 梶浦  敏  範 </a:t>
            </a:r>
            <a:r>
              <a:rPr lang="ja-JP" altLang="en-US" sz="1200" dirty="0"/>
              <a:t>（一社）日本経済団体連合会 デジタルエコノミー推進委員会 企画　　</a:t>
            </a:r>
            <a:endParaRPr lang="en-US" altLang="ja-JP" sz="1200" dirty="0"/>
          </a:p>
          <a:p>
            <a:r>
              <a:rPr lang="ja-JP" altLang="en-US" sz="1200" dirty="0"/>
              <a:t>　　　　　　　　　　　部会長代行 </a:t>
            </a:r>
            <a:endParaRPr lang="en-US" altLang="ja-JP" sz="1200" dirty="0"/>
          </a:p>
          <a:p>
            <a:r>
              <a:rPr lang="ja-JP" altLang="en-US" sz="1534" dirty="0"/>
              <a:t>委員 池田 真理子　 </a:t>
            </a:r>
            <a:r>
              <a:rPr lang="ja-JP" altLang="en-US" sz="1200" dirty="0"/>
              <a:t>鹿島建設株式会社土木管理本部土木技術部リニューアル グ</a:t>
            </a:r>
            <a:endParaRPr lang="en-US" altLang="ja-JP" sz="1200" dirty="0"/>
          </a:p>
          <a:p>
            <a:r>
              <a:rPr lang="ja-JP" altLang="en-US" sz="1200" dirty="0"/>
              <a:t>　　　　　　　　　　　　　ループ 次長</a:t>
            </a:r>
            <a:endParaRPr lang="en-US" altLang="ja-JP" sz="1200" dirty="0"/>
          </a:p>
          <a:p>
            <a:r>
              <a:rPr lang="ja-JP" altLang="en-US" sz="1534" dirty="0"/>
              <a:t>　　　 伊勢  勝巳 　　</a:t>
            </a:r>
            <a:r>
              <a:rPr lang="ja-JP" altLang="en-US" sz="1200" dirty="0"/>
              <a:t>東日本旅客鉄道株式会社 常務執行役員</a:t>
            </a:r>
            <a:endParaRPr lang="en-US" altLang="ja-JP" sz="1200" dirty="0"/>
          </a:p>
          <a:p>
            <a:r>
              <a:rPr lang="ja-JP" altLang="en-US" sz="1534" dirty="0"/>
              <a:t>　　　 岩佐  宏一  　　</a:t>
            </a:r>
            <a:r>
              <a:rPr lang="ja-JP" altLang="en-US" sz="1200" dirty="0"/>
              <a:t>公益社団法人日本ファシリティマネジメント協会 調査研究委員</a:t>
            </a:r>
            <a:endParaRPr lang="en-US" altLang="ja-JP" sz="1200" dirty="0"/>
          </a:p>
          <a:p>
            <a:r>
              <a:rPr lang="ja-JP" altLang="en-US" sz="1200" dirty="0"/>
              <a:t>　　　　　　　　　　　　　会 インフラマネジメント研究部会 副部会長 </a:t>
            </a:r>
            <a:endParaRPr lang="en-US" altLang="ja-JP" sz="1200" dirty="0"/>
          </a:p>
          <a:p>
            <a:r>
              <a:rPr lang="ja-JP" altLang="en-US" sz="1534" dirty="0"/>
              <a:t>　　　塚本 恵　 　　　　</a:t>
            </a:r>
            <a:r>
              <a:rPr lang="ja-JP" altLang="en-US" sz="1200" dirty="0"/>
              <a:t>キャタピラージャパン合同会社 代表執行役員 </a:t>
            </a:r>
            <a:endParaRPr lang="en-US" altLang="ja-JP" sz="1200" dirty="0"/>
          </a:p>
          <a:p>
            <a:r>
              <a:rPr lang="ja-JP" altLang="en-US" sz="1534" dirty="0"/>
              <a:t>オブザーバー 　植野  芳彦 　 </a:t>
            </a:r>
            <a:r>
              <a:rPr lang="ja-JP" altLang="en-US" sz="1200" dirty="0"/>
              <a:t>富山市 政策参与 </a:t>
            </a:r>
            <a:endParaRPr lang="en-US" altLang="ja-JP" sz="1200" dirty="0"/>
          </a:p>
          <a:p>
            <a:r>
              <a:rPr lang="ja-JP" altLang="en-US" sz="1534" dirty="0"/>
              <a:t>　　　　　　　　　　　　　　　　　　　　　　　　　　　　　　　　　　　　　　　（五十音順、敬称略）</a:t>
            </a:r>
          </a:p>
        </p:txBody>
      </p:sp>
      <p:sp>
        <p:nvSpPr>
          <p:cNvPr id="4" name="テキスト ボックス 3">
            <a:extLst>
              <a:ext uri="{FF2B5EF4-FFF2-40B4-BE49-F238E27FC236}">
                <a16:creationId xmlns:a16="http://schemas.microsoft.com/office/drawing/2014/main" id="{C9665207-4C7D-41C9-B795-AD7F69C1F43E}"/>
              </a:ext>
            </a:extLst>
          </p:cNvPr>
          <p:cNvSpPr txBox="1"/>
          <p:nvPr/>
        </p:nvSpPr>
        <p:spPr>
          <a:xfrm>
            <a:off x="2667000" y="557525"/>
            <a:ext cx="6858000" cy="2217145"/>
          </a:xfrm>
          <a:prstGeom prst="rect">
            <a:avLst/>
          </a:prstGeom>
          <a:noFill/>
        </p:spPr>
        <p:txBody>
          <a:bodyPr wrap="square">
            <a:spAutoFit/>
          </a:bodyPr>
          <a:lstStyle/>
          <a:p>
            <a:r>
              <a:rPr lang="ja-JP" altLang="en-US" sz="1534" dirty="0"/>
              <a:t>新技術導入関係　社会資本整備審議会・交通政策審議会技術分科会技術部会 </a:t>
            </a:r>
            <a:endParaRPr lang="en-US" altLang="ja-JP" sz="1534" dirty="0"/>
          </a:p>
          <a:p>
            <a:r>
              <a:rPr lang="ja-JP" altLang="en-US" sz="1534" dirty="0"/>
              <a:t>　　社会資本メンテナンス戦略小委員会 </a:t>
            </a:r>
            <a:endParaRPr lang="en-US" altLang="ja-JP" sz="1534" dirty="0"/>
          </a:p>
          <a:p>
            <a:endParaRPr lang="en-US" altLang="ja-JP" sz="1534" dirty="0"/>
          </a:p>
          <a:p>
            <a:r>
              <a:rPr lang="ja-JP" altLang="en-US" sz="1534" dirty="0"/>
              <a:t>〇インフラメンテナンス新技術・体制等導入推進委員会　 委員名簿</a:t>
            </a:r>
            <a:endParaRPr lang="en-US" altLang="ja-JP" sz="1534" dirty="0"/>
          </a:p>
          <a:p>
            <a:endParaRPr lang="en-US" altLang="ja-JP" sz="1534" dirty="0"/>
          </a:p>
          <a:p>
            <a:r>
              <a:rPr lang="ja-JP" altLang="en-US" sz="1534" dirty="0"/>
              <a:t> 　委員長　岩波  光 保　</a:t>
            </a:r>
            <a:r>
              <a:rPr lang="ja-JP" altLang="en-US" sz="1200" dirty="0"/>
              <a:t>東京工業大学 環境・社会理工学院 教授 </a:t>
            </a:r>
            <a:endParaRPr lang="en-US" altLang="ja-JP" sz="1200" dirty="0"/>
          </a:p>
          <a:p>
            <a:r>
              <a:rPr lang="ja-JP" altLang="en-US" sz="1534" dirty="0"/>
              <a:t>  　委員　　植野  芳彦　</a:t>
            </a:r>
            <a:r>
              <a:rPr lang="ja-JP" altLang="en-US" sz="1200" dirty="0"/>
              <a:t>富山市 政策参与 </a:t>
            </a:r>
            <a:endParaRPr lang="en-US" altLang="ja-JP" sz="1200" dirty="0"/>
          </a:p>
          <a:p>
            <a:r>
              <a:rPr lang="ja-JP" altLang="en-US" sz="1534" dirty="0"/>
              <a:t> 　　　　　木村  嘉  富　</a:t>
            </a:r>
            <a:r>
              <a:rPr lang="ja-JP" altLang="en-US" sz="1200" dirty="0"/>
              <a:t>国土技術政策総合研究所 道路構造物研究部 部長 　</a:t>
            </a:r>
            <a:endParaRPr lang="en-US" altLang="ja-JP" sz="1200" dirty="0"/>
          </a:p>
          <a:p>
            <a:r>
              <a:rPr lang="ja-JP" altLang="en-US" sz="1534" dirty="0"/>
              <a:t> 　　　　　吉田  典 明 　</a:t>
            </a:r>
            <a:r>
              <a:rPr lang="ja-JP" altLang="en-US" sz="1200" dirty="0"/>
              <a:t>インフラメンテナンス国民会議 実行委員・企画部会幹事</a:t>
            </a:r>
          </a:p>
        </p:txBody>
      </p:sp>
    </p:spTree>
    <p:extLst>
      <p:ext uri="{BB962C8B-B14F-4D97-AF65-F5344CB8AC3E}">
        <p14:creationId xmlns:p14="http://schemas.microsoft.com/office/powerpoint/2010/main" val="3438407741"/>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153443" y="839251"/>
            <a:ext cx="77376" cy="126719"/>
          </a:xfrm>
          <a:prstGeom prst="rect">
            <a:avLst/>
          </a:prstGeom>
        </p:spPr>
        <p:txBody>
          <a:bodyPr vert="horz" wrap="square" lIns="0" tIns="8145" rIns="0" bIns="0" rtlCol="0">
            <a:spAutoFit/>
          </a:bodyPr>
          <a:lstStyle/>
          <a:p>
            <a:pPr marL="8145">
              <a:spcBef>
                <a:spcPts val="64"/>
              </a:spcBef>
            </a:pPr>
            <a:r>
              <a:rPr sz="770" dirty="0">
                <a:latin typeface="Meiryo UI"/>
                <a:cs typeface="Meiryo UI"/>
              </a:rPr>
              <a:t>1</a:t>
            </a:r>
            <a:endParaRPr sz="770">
              <a:latin typeface="Meiryo UI"/>
              <a:cs typeface="Meiryo UI"/>
            </a:endParaRPr>
          </a:p>
        </p:txBody>
      </p:sp>
      <p:sp>
        <p:nvSpPr>
          <p:cNvPr id="3" name="object 3"/>
          <p:cNvSpPr txBox="1"/>
          <p:nvPr/>
        </p:nvSpPr>
        <p:spPr>
          <a:xfrm>
            <a:off x="7252738" y="1143218"/>
            <a:ext cx="591319" cy="126719"/>
          </a:xfrm>
          <a:prstGeom prst="rect">
            <a:avLst/>
          </a:prstGeom>
        </p:spPr>
        <p:txBody>
          <a:bodyPr vert="horz" wrap="square" lIns="0" tIns="8145" rIns="0" bIns="0" rtlCol="0">
            <a:spAutoFit/>
          </a:bodyPr>
          <a:lstStyle/>
          <a:p>
            <a:pPr marL="8145">
              <a:spcBef>
                <a:spcPts val="64"/>
              </a:spcBef>
            </a:pPr>
            <a:r>
              <a:rPr sz="770" spc="-19" dirty="0">
                <a:solidFill>
                  <a:srgbClr val="FF0000"/>
                </a:solidFill>
                <a:latin typeface="Meiryo UI"/>
                <a:cs typeface="Meiryo UI"/>
              </a:rPr>
              <a:t>12/27</a:t>
            </a:r>
            <a:r>
              <a:rPr sz="770" spc="-67" dirty="0">
                <a:solidFill>
                  <a:srgbClr val="FF0000"/>
                </a:solidFill>
                <a:latin typeface="Meiryo UI"/>
                <a:cs typeface="Meiryo UI"/>
              </a:rPr>
              <a:t> 時点版</a:t>
            </a:r>
            <a:endParaRPr sz="770">
              <a:latin typeface="Meiryo UI"/>
              <a:cs typeface="Meiryo UI"/>
            </a:endParaRPr>
          </a:p>
        </p:txBody>
      </p:sp>
      <p:sp>
        <p:nvSpPr>
          <p:cNvPr id="4" name="object 4"/>
          <p:cNvSpPr txBox="1"/>
          <p:nvPr/>
        </p:nvSpPr>
        <p:spPr>
          <a:xfrm>
            <a:off x="4153443" y="1143218"/>
            <a:ext cx="77376" cy="126719"/>
          </a:xfrm>
          <a:prstGeom prst="rect">
            <a:avLst/>
          </a:prstGeom>
        </p:spPr>
        <p:txBody>
          <a:bodyPr vert="horz" wrap="square" lIns="0" tIns="8145" rIns="0" bIns="0" rtlCol="0">
            <a:spAutoFit/>
          </a:bodyPr>
          <a:lstStyle/>
          <a:p>
            <a:pPr marL="8145">
              <a:spcBef>
                <a:spcPts val="64"/>
              </a:spcBef>
            </a:pPr>
            <a:r>
              <a:rPr sz="770" dirty="0">
                <a:latin typeface="Meiryo UI"/>
                <a:cs typeface="Meiryo UI"/>
              </a:rPr>
              <a:t>2</a:t>
            </a:r>
            <a:endParaRPr sz="770">
              <a:latin typeface="Meiryo UI"/>
              <a:cs typeface="Meiryo UI"/>
            </a:endParaRPr>
          </a:p>
        </p:txBody>
      </p:sp>
      <p:sp>
        <p:nvSpPr>
          <p:cNvPr id="5" name="object 5"/>
          <p:cNvSpPr txBox="1"/>
          <p:nvPr/>
        </p:nvSpPr>
        <p:spPr>
          <a:xfrm>
            <a:off x="4153443" y="1447185"/>
            <a:ext cx="77376" cy="126719"/>
          </a:xfrm>
          <a:prstGeom prst="rect">
            <a:avLst/>
          </a:prstGeom>
        </p:spPr>
        <p:txBody>
          <a:bodyPr vert="horz" wrap="square" lIns="0" tIns="8145" rIns="0" bIns="0" rtlCol="0">
            <a:spAutoFit/>
          </a:bodyPr>
          <a:lstStyle/>
          <a:p>
            <a:pPr marL="8145">
              <a:spcBef>
                <a:spcPts val="64"/>
              </a:spcBef>
            </a:pPr>
            <a:r>
              <a:rPr sz="770" dirty="0">
                <a:latin typeface="Meiryo UI"/>
                <a:cs typeface="Meiryo UI"/>
              </a:rPr>
              <a:t>3</a:t>
            </a:r>
            <a:endParaRPr sz="770">
              <a:latin typeface="Meiryo UI"/>
              <a:cs typeface="Meiryo UI"/>
            </a:endParaRPr>
          </a:p>
        </p:txBody>
      </p:sp>
      <p:sp>
        <p:nvSpPr>
          <p:cNvPr id="6" name="object 6"/>
          <p:cNvSpPr/>
          <p:nvPr/>
        </p:nvSpPr>
        <p:spPr>
          <a:xfrm>
            <a:off x="4369772" y="1666446"/>
            <a:ext cx="3507191" cy="1772329"/>
          </a:xfrm>
          <a:custGeom>
            <a:avLst/>
            <a:gdLst/>
            <a:ahLst/>
            <a:cxnLst/>
            <a:rect l="l" t="t" r="r" b="b"/>
            <a:pathLst>
              <a:path w="5468620" h="2763520">
                <a:moveTo>
                  <a:pt x="5468112" y="0"/>
                </a:moveTo>
                <a:lnTo>
                  <a:pt x="0" y="0"/>
                </a:lnTo>
                <a:lnTo>
                  <a:pt x="0" y="2763011"/>
                </a:lnTo>
                <a:lnTo>
                  <a:pt x="5468112" y="2763011"/>
                </a:lnTo>
                <a:lnTo>
                  <a:pt x="5468112" y="0"/>
                </a:lnTo>
                <a:close/>
              </a:path>
            </a:pathLst>
          </a:custGeom>
          <a:solidFill>
            <a:srgbClr val="3F647E"/>
          </a:solidFill>
        </p:spPr>
        <p:txBody>
          <a:bodyPr wrap="square" lIns="0" tIns="0" rIns="0" bIns="0" rtlCol="0"/>
          <a:lstStyle/>
          <a:p>
            <a:endParaRPr sz="1311"/>
          </a:p>
        </p:txBody>
      </p:sp>
      <p:sp>
        <p:nvSpPr>
          <p:cNvPr id="7" name="object 7"/>
          <p:cNvSpPr txBox="1"/>
          <p:nvPr/>
        </p:nvSpPr>
        <p:spPr>
          <a:xfrm>
            <a:off x="4367816" y="1668660"/>
            <a:ext cx="3512078" cy="1504596"/>
          </a:xfrm>
          <a:prstGeom prst="rect">
            <a:avLst/>
          </a:prstGeom>
        </p:spPr>
        <p:txBody>
          <a:bodyPr vert="horz" wrap="square" lIns="0" tIns="8145" rIns="0" bIns="0" rtlCol="0">
            <a:spAutoFit/>
          </a:bodyPr>
          <a:lstStyle/>
          <a:p>
            <a:pPr marL="658483" marR="651154" indent="120946">
              <a:lnSpc>
                <a:spcPct val="141400"/>
              </a:lnSpc>
              <a:spcBef>
                <a:spcPts val="64"/>
              </a:spcBef>
            </a:pPr>
            <a:r>
              <a:rPr sz="1411" b="1" spc="-45" dirty="0">
                <a:solidFill>
                  <a:srgbClr val="FFFFFF"/>
                </a:solidFill>
                <a:latin typeface="Meiryo UI"/>
                <a:cs typeface="Meiryo UI"/>
              </a:rPr>
              <a:t>インフラメンテナンスにおける</a:t>
            </a:r>
            <a:r>
              <a:rPr sz="1411" b="1" spc="-71" dirty="0">
                <a:solidFill>
                  <a:srgbClr val="FFFFFF"/>
                </a:solidFill>
                <a:latin typeface="Meiryo UI"/>
                <a:cs typeface="Meiryo UI"/>
              </a:rPr>
              <a:t>包括的民間委託導入の手引き</a:t>
            </a:r>
            <a:endParaRPr sz="1411" dirty="0">
              <a:latin typeface="Meiryo UI"/>
              <a:cs typeface="Meiryo UI"/>
            </a:endParaRPr>
          </a:p>
          <a:p>
            <a:pPr marL="1584107">
              <a:spcBef>
                <a:spcPts val="699"/>
              </a:spcBef>
            </a:pPr>
            <a:r>
              <a:rPr sz="1411" b="1" spc="-48" dirty="0">
                <a:solidFill>
                  <a:srgbClr val="FFFFFF"/>
                </a:solidFill>
                <a:latin typeface="Meiryo UI"/>
                <a:cs typeface="Meiryo UI"/>
              </a:rPr>
              <a:t>(案)</a:t>
            </a:r>
            <a:endParaRPr sz="1411" dirty="0">
              <a:latin typeface="Meiryo UI"/>
              <a:cs typeface="Meiryo UI"/>
            </a:endParaRPr>
          </a:p>
          <a:p>
            <a:pPr>
              <a:spcBef>
                <a:spcPts val="45"/>
              </a:spcBef>
            </a:pPr>
            <a:endParaRPr sz="2597" dirty="0">
              <a:latin typeface="Meiryo UI"/>
              <a:cs typeface="Meiryo UI"/>
            </a:endParaRPr>
          </a:p>
          <a:p>
            <a:pPr marL="5701" algn="ctr"/>
            <a:r>
              <a:rPr sz="1154" b="1" spc="-45" dirty="0">
                <a:solidFill>
                  <a:srgbClr val="FFFFFF"/>
                </a:solidFill>
                <a:latin typeface="Meiryo UI"/>
                <a:cs typeface="Meiryo UI"/>
              </a:rPr>
              <a:t>令和４年●月</a:t>
            </a:r>
            <a:endParaRPr sz="1154" dirty="0">
              <a:latin typeface="Meiryo UI"/>
              <a:cs typeface="Meiryo UI"/>
            </a:endParaRPr>
          </a:p>
        </p:txBody>
      </p:sp>
      <p:sp>
        <p:nvSpPr>
          <p:cNvPr id="8" name="object 8"/>
          <p:cNvSpPr/>
          <p:nvPr/>
        </p:nvSpPr>
        <p:spPr>
          <a:xfrm>
            <a:off x="4365863" y="1661559"/>
            <a:ext cx="3515743" cy="1780881"/>
          </a:xfrm>
          <a:custGeom>
            <a:avLst/>
            <a:gdLst/>
            <a:ahLst/>
            <a:cxnLst/>
            <a:rect l="l" t="t" r="r" b="b"/>
            <a:pathLst>
              <a:path w="5481955" h="2776854">
                <a:moveTo>
                  <a:pt x="5481828" y="0"/>
                </a:moveTo>
                <a:lnTo>
                  <a:pt x="5475732" y="0"/>
                </a:lnTo>
                <a:lnTo>
                  <a:pt x="5475732" y="6096"/>
                </a:lnTo>
                <a:lnTo>
                  <a:pt x="5475732" y="2770632"/>
                </a:lnTo>
                <a:lnTo>
                  <a:pt x="6096" y="2770632"/>
                </a:lnTo>
                <a:lnTo>
                  <a:pt x="6096" y="6096"/>
                </a:lnTo>
                <a:lnTo>
                  <a:pt x="5475732" y="6096"/>
                </a:lnTo>
                <a:lnTo>
                  <a:pt x="5475732" y="0"/>
                </a:lnTo>
                <a:lnTo>
                  <a:pt x="6096" y="0"/>
                </a:lnTo>
                <a:lnTo>
                  <a:pt x="0" y="0"/>
                </a:lnTo>
                <a:lnTo>
                  <a:pt x="0" y="6096"/>
                </a:lnTo>
                <a:lnTo>
                  <a:pt x="0" y="2770632"/>
                </a:lnTo>
                <a:lnTo>
                  <a:pt x="0" y="2776728"/>
                </a:lnTo>
                <a:lnTo>
                  <a:pt x="6096" y="2776728"/>
                </a:lnTo>
                <a:lnTo>
                  <a:pt x="5475732" y="2776728"/>
                </a:lnTo>
                <a:lnTo>
                  <a:pt x="5481828" y="2776728"/>
                </a:lnTo>
                <a:lnTo>
                  <a:pt x="5481828" y="2770632"/>
                </a:lnTo>
                <a:lnTo>
                  <a:pt x="5481828" y="6096"/>
                </a:lnTo>
                <a:lnTo>
                  <a:pt x="5481828" y="0"/>
                </a:lnTo>
                <a:close/>
              </a:path>
            </a:pathLst>
          </a:custGeom>
          <a:solidFill>
            <a:srgbClr val="3F647E"/>
          </a:solidFill>
        </p:spPr>
        <p:txBody>
          <a:bodyPr wrap="square" lIns="0" tIns="0" rIns="0" bIns="0" rtlCol="0"/>
          <a:lstStyle/>
          <a:p>
            <a:endParaRPr sz="1311"/>
          </a:p>
        </p:txBody>
      </p:sp>
      <p:sp>
        <p:nvSpPr>
          <p:cNvPr id="9" name="object 9"/>
          <p:cNvSpPr txBox="1"/>
          <p:nvPr/>
        </p:nvSpPr>
        <p:spPr>
          <a:xfrm>
            <a:off x="4095777" y="3422484"/>
            <a:ext cx="134798" cy="2536190"/>
          </a:xfrm>
          <a:prstGeom prst="rect">
            <a:avLst/>
          </a:prstGeom>
        </p:spPr>
        <p:txBody>
          <a:bodyPr vert="horz" wrap="square" lIns="0" tIns="52942" rIns="0" bIns="0" rtlCol="0">
            <a:spAutoFit/>
          </a:bodyPr>
          <a:lstStyle/>
          <a:p>
            <a:pPr marL="65563">
              <a:spcBef>
                <a:spcPts val="417"/>
              </a:spcBef>
            </a:pPr>
            <a:r>
              <a:rPr sz="770" dirty="0">
                <a:latin typeface="Meiryo UI"/>
                <a:cs typeface="Meiryo UI"/>
              </a:rPr>
              <a:t>4</a:t>
            </a:r>
            <a:endParaRPr sz="770">
              <a:latin typeface="Meiryo UI"/>
              <a:cs typeface="Meiryo UI"/>
            </a:endParaRPr>
          </a:p>
          <a:p>
            <a:pPr marL="65563">
              <a:spcBef>
                <a:spcPts val="356"/>
              </a:spcBef>
            </a:pPr>
            <a:r>
              <a:rPr sz="770" dirty="0">
                <a:latin typeface="Meiryo UI"/>
                <a:cs typeface="Meiryo UI"/>
              </a:rPr>
              <a:t>5</a:t>
            </a:r>
            <a:endParaRPr sz="770">
              <a:latin typeface="Meiryo UI"/>
              <a:cs typeface="Meiryo UI"/>
            </a:endParaRPr>
          </a:p>
          <a:p>
            <a:pPr marL="65563">
              <a:spcBef>
                <a:spcPts val="167"/>
              </a:spcBef>
            </a:pPr>
            <a:r>
              <a:rPr sz="770" dirty="0">
                <a:latin typeface="Meiryo UI"/>
                <a:cs typeface="Meiryo UI"/>
              </a:rPr>
              <a:t>6</a:t>
            </a:r>
            <a:endParaRPr sz="770">
              <a:latin typeface="Meiryo UI"/>
              <a:cs typeface="Meiryo UI"/>
            </a:endParaRPr>
          </a:p>
          <a:p>
            <a:pPr marL="65563">
              <a:spcBef>
                <a:spcPts val="462"/>
              </a:spcBef>
            </a:pPr>
            <a:r>
              <a:rPr sz="770" dirty="0">
                <a:latin typeface="Meiryo UI"/>
                <a:cs typeface="Meiryo UI"/>
              </a:rPr>
              <a:t>7</a:t>
            </a:r>
            <a:endParaRPr sz="770">
              <a:latin typeface="Meiryo UI"/>
              <a:cs typeface="Meiryo UI"/>
            </a:endParaRPr>
          </a:p>
          <a:p>
            <a:pPr marL="65563">
              <a:spcBef>
                <a:spcPts val="362"/>
              </a:spcBef>
            </a:pPr>
            <a:r>
              <a:rPr sz="770" dirty="0">
                <a:latin typeface="Meiryo UI"/>
                <a:cs typeface="Meiryo UI"/>
              </a:rPr>
              <a:t>8</a:t>
            </a:r>
            <a:endParaRPr sz="770">
              <a:latin typeface="Meiryo UI"/>
              <a:cs typeface="Meiryo UI"/>
            </a:endParaRPr>
          </a:p>
          <a:p>
            <a:pPr marL="65563">
              <a:spcBef>
                <a:spcPts val="362"/>
              </a:spcBef>
            </a:pPr>
            <a:r>
              <a:rPr sz="770" dirty="0">
                <a:latin typeface="Meiryo UI"/>
                <a:cs typeface="Meiryo UI"/>
              </a:rPr>
              <a:t>9</a:t>
            </a:r>
            <a:endParaRPr sz="770">
              <a:latin typeface="Meiryo UI"/>
              <a:cs typeface="Meiryo UI"/>
            </a:endParaRPr>
          </a:p>
          <a:p>
            <a:pPr marL="8145">
              <a:spcBef>
                <a:spcPts val="353"/>
              </a:spcBef>
            </a:pPr>
            <a:r>
              <a:rPr sz="770" spc="-16" dirty="0">
                <a:latin typeface="Meiryo UI"/>
                <a:cs typeface="Meiryo UI"/>
              </a:rPr>
              <a:t>10</a:t>
            </a:r>
            <a:endParaRPr sz="770">
              <a:latin typeface="Meiryo UI"/>
              <a:cs typeface="Meiryo UI"/>
            </a:endParaRPr>
          </a:p>
          <a:p>
            <a:pPr marL="8145">
              <a:spcBef>
                <a:spcPts val="362"/>
              </a:spcBef>
            </a:pPr>
            <a:r>
              <a:rPr sz="770" spc="-16" dirty="0">
                <a:latin typeface="Meiryo UI"/>
                <a:cs typeface="Meiryo UI"/>
              </a:rPr>
              <a:t>11</a:t>
            </a:r>
            <a:endParaRPr sz="770">
              <a:latin typeface="Meiryo UI"/>
              <a:cs typeface="Meiryo UI"/>
            </a:endParaRPr>
          </a:p>
          <a:p>
            <a:pPr marL="8145">
              <a:spcBef>
                <a:spcPts val="362"/>
              </a:spcBef>
            </a:pPr>
            <a:r>
              <a:rPr sz="770" spc="-16" dirty="0">
                <a:latin typeface="Meiryo UI"/>
                <a:cs typeface="Meiryo UI"/>
              </a:rPr>
              <a:t>12</a:t>
            </a:r>
            <a:endParaRPr sz="770">
              <a:latin typeface="Meiryo UI"/>
              <a:cs typeface="Meiryo UI"/>
            </a:endParaRPr>
          </a:p>
          <a:p>
            <a:pPr marL="8145">
              <a:spcBef>
                <a:spcPts val="353"/>
              </a:spcBef>
            </a:pPr>
            <a:r>
              <a:rPr sz="770" spc="-16" dirty="0">
                <a:latin typeface="Meiryo UI"/>
                <a:cs typeface="Meiryo UI"/>
              </a:rPr>
              <a:t>13</a:t>
            </a:r>
            <a:endParaRPr sz="770">
              <a:latin typeface="Meiryo UI"/>
              <a:cs typeface="Meiryo UI"/>
            </a:endParaRPr>
          </a:p>
          <a:p>
            <a:pPr marL="8145">
              <a:spcBef>
                <a:spcPts val="362"/>
              </a:spcBef>
            </a:pPr>
            <a:r>
              <a:rPr sz="770" spc="-16" dirty="0">
                <a:latin typeface="Meiryo UI"/>
                <a:cs typeface="Meiryo UI"/>
              </a:rPr>
              <a:t>14</a:t>
            </a:r>
            <a:endParaRPr sz="770">
              <a:latin typeface="Meiryo UI"/>
              <a:cs typeface="Meiryo UI"/>
            </a:endParaRPr>
          </a:p>
          <a:p>
            <a:pPr marL="8145">
              <a:spcBef>
                <a:spcPts val="362"/>
              </a:spcBef>
            </a:pPr>
            <a:r>
              <a:rPr sz="770" spc="-16" dirty="0">
                <a:latin typeface="Meiryo UI"/>
                <a:cs typeface="Meiryo UI"/>
              </a:rPr>
              <a:t>15</a:t>
            </a:r>
            <a:endParaRPr sz="770">
              <a:latin typeface="Meiryo UI"/>
              <a:cs typeface="Meiryo UI"/>
            </a:endParaRPr>
          </a:p>
          <a:p>
            <a:pPr marL="8145">
              <a:spcBef>
                <a:spcPts val="353"/>
              </a:spcBef>
            </a:pPr>
            <a:r>
              <a:rPr sz="770" spc="-16" dirty="0">
                <a:latin typeface="Meiryo UI"/>
                <a:cs typeface="Meiryo UI"/>
              </a:rPr>
              <a:t>16</a:t>
            </a:r>
            <a:endParaRPr sz="770">
              <a:latin typeface="Meiryo UI"/>
              <a:cs typeface="Meiryo UI"/>
            </a:endParaRPr>
          </a:p>
          <a:p>
            <a:pPr marL="8145">
              <a:spcBef>
                <a:spcPts val="362"/>
              </a:spcBef>
            </a:pPr>
            <a:r>
              <a:rPr sz="770" spc="-16" dirty="0">
                <a:latin typeface="Meiryo UI"/>
                <a:cs typeface="Meiryo UI"/>
              </a:rPr>
              <a:t>17</a:t>
            </a:r>
            <a:endParaRPr sz="770">
              <a:latin typeface="Meiryo UI"/>
              <a:cs typeface="Meiryo UI"/>
            </a:endParaRPr>
          </a:p>
          <a:p>
            <a:pPr marL="8145">
              <a:spcBef>
                <a:spcPts val="362"/>
              </a:spcBef>
            </a:pPr>
            <a:r>
              <a:rPr sz="770" spc="-16" dirty="0">
                <a:latin typeface="Meiryo UI"/>
                <a:cs typeface="Meiryo UI"/>
              </a:rPr>
              <a:t>18</a:t>
            </a:r>
            <a:endParaRPr sz="770">
              <a:latin typeface="Meiryo UI"/>
              <a:cs typeface="Meiryo UI"/>
            </a:endParaRPr>
          </a:p>
        </p:txBody>
      </p:sp>
      <p:sp>
        <p:nvSpPr>
          <p:cNvPr id="10" name="object 10"/>
          <p:cNvSpPr txBox="1"/>
          <p:nvPr/>
        </p:nvSpPr>
        <p:spPr>
          <a:xfrm>
            <a:off x="5428934" y="5541460"/>
            <a:ext cx="1343907" cy="165677"/>
          </a:xfrm>
          <a:prstGeom prst="rect">
            <a:avLst/>
          </a:prstGeom>
        </p:spPr>
        <p:txBody>
          <a:bodyPr vert="horz" wrap="square" lIns="0" tIns="7738" rIns="0" bIns="0" rtlCol="0">
            <a:spAutoFit/>
          </a:bodyPr>
          <a:lstStyle/>
          <a:p>
            <a:pPr marL="8145">
              <a:spcBef>
                <a:spcPts val="61"/>
              </a:spcBef>
            </a:pPr>
            <a:r>
              <a:rPr sz="1026" b="1" spc="-32" dirty="0">
                <a:latin typeface="Meiryo UI"/>
                <a:cs typeface="Meiryo UI"/>
              </a:rPr>
              <a:t>国土交通省 総合政策局</a:t>
            </a:r>
            <a:endParaRPr sz="1026">
              <a:latin typeface="Meiryo UI"/>
              <a:cs typeface="Meiryo UI"/>
            </a:endParaRPr>
          </a:p>
        </p:txBody>
      </p:sp>
      <p:sp>
        <p:nvSpPr>
          <p:cNvPr id="11" name="テキスト ボックス 10">
            <a:extLst>
              <a:ext uri="{FF2B5EF4-FFF2-40B4-BE49-F238E27FC236}">
                <a16:creationId xmlns:a16="http://schemas.microsoft.com/office/drawing/2014/main" id="{13B6E5AC-D157-06E2-556B-00FFAD54C87D}"/>
              </a:ext>
            </a:extLst>
          </p:cNvPr>
          <p:cNvSpPr txBox="1"/>
          <p:nvPr/>
        </p:nvSpPr>
        <p:spPr>
          <a:xfrm>
            <a:off x="399580" y="340868"/>
            <a:ext cx="2577950" cy="707886"/>
          </a:xfrm>
          <a:prstGeom prst="rect">
            <a:avLst/>
          </a:prstGeom>
          <a:noFill/>
        </p:spPr>
        <p:txBody>
          <a:bodyPr wrap="none" rtlCol="0">
            <a:spAutoFit/>
          </a:bodyPr>
          <a:lstStyle/>
          <a:p>
            <a:r>
              <a:rPr lang="ja-JP" altLang="en-US" sz="4000" dirty="0"/>
              <a:t>民間活力　</a:t>
            </a:r>
          </a:p>
        </p:txBody>
      </p:sp>
      <p:pic>
        <p:nvPicPr>
          <p:cNvPr id="13" name="図 12">
            <a:extLst>
              <a:ext uri="{FF2B5EF4-FFF2-40B4-BE49-F238E27FC236}">
                <a16:creationId xmlns:a16="http://schemas.microsoft.com/office/drawing/2014/main" id="{9211E222-B6BC-30E0-8C13-0F2EB89DBCCC}"/>
              </a:ext>
            </a:extLst>
          </p:cNvPr>
          <p:cNvPicPr>
            <a:picLocks noChangeAspect="1"/>
          </p:cNvPicPr>
          <p:nvPr/>
        </p:nvPicPr>
        <p:blipFill>
          <a:blip r:embed="rId2"/>
          <a:stretch>
            <a:fillRect/>
          </a:stretch>
        </p:blipFill>
        <p:spPr>
          <a:xfrm>
            <a:off x="4028995" y="0"/>
            <a:ext cx="4657806" cy="6858000"/>
          </a:xfrm>
          <a:prstGeom prst="rect">
            <a:avLst/>
          </a:prstGeom>
        </p:spPr>
      </p:pic>
    </p:spTree>
    <p:extLst>
      <p:ext uri="{BB962C8B-B14F-4D97-AF65-F5344CB8AC3E}">
        <p14:creationId xmlns:p14="http://schemas.microsoft.com/office/powerpoint/2010/main" val="163301984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EF873169-6F59-6DFB-15A1-B1F4E18C9550}"/>
              </a:ext>
            </a:extLst>
          </p:cNvPr>
          <p:cNvPicPr>
            <a:picLocks noChangeAspect="1"/>
          </p:cNvPicPr>
          <p:nvPr/>
        </p:nvPicPr>
        <p:blipFill>
          <a:blip r:embed="rId2"/>
          <a:stretch>
            <a:fillRect/>
          </a:stretch>
        </p:blipFill>
        <p:spPr>
          <a:xfrm>
            <a:off x="1653126" y="316728"/>
            <a:ext cx="9014875" cy="6388872"/>
          </a:xfrm>
          <a:prstGeom prst="rect">
            <a:avLst/>
          </a:prstGeom>
        </p:spPr>
      </p:pic>
    </p:spTree>
    <p:extLst>
      <p:ext uri="{BB962C8B-B14F-4D97-AF65-F5344CB8AC3E}">
        <p14:creationId xmlns:p14="http://schemas.microsoft.com/office/powerpoint/2010/main" val="4165403584"/>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2279651" y="1052513"/>
            <a:ext cx="2232025" cy="914400"/>
          </a:xfrm>
          <a:prstGeom prst="roundRect">
            <a:avLst/>
          </a:prstGeom>
          <a:solidFill>
            <a:schemeClr val="tx2">
              <a:lumMod val="20000"/>
              <a:lumOff val="80000"/>
            </a:schemeClr>
          </a:solidFill>
          <a:ln w="57150"/>
        </p:spPr>
        <p:style>
          <a:lnRef idx="2">
            <a:schemeClr val="accent1"/>
          </a:lnRef>
          <a:fillRef idx="1">
            <a:schemeClr val="lt1"/>
          </a:fillRef>
          <a:effectRef idx="0">
            <a:schemeClr val="accent1"/>
          </a:effectRef>
          <a:fontRef idx="minor">
            <a:schemeClr val="dk1"/>
          </a:fontRef>
        </p:style>
        <p:txBody>
          <a:bodyPr anchor="ctr"/>
          <a:lstStyle/>
          <a:p>
            <a:pPr>
              <a:defRPr/>
            </a:pPr>
            <a:r>
              <a:rPr lang="ja-JP" altLang="en-US" sz="2000" dirty="0"/>
              <a:t>プロ</a:t>
            </a:r>
            <a:endParaRPr lang="en-US" altLang="ja-JP" sz="2000" dirty="0"/>
          </a:p>
          <a:p>
            <a:pPr>
              <a:defRPr/>
            </a:pPr>
            <a:r>
              <a:rPr lang="ja-JP" altLang="en-US" sz="2000" dirty="0"/>
              <a:t>（知見が有る）</a:t>
            </a:r>
          </a:p>
        </p:txBody>
      </p:sp>
      <p:sp>
        <p:nvSpPr>
          <p:cNvPr id="4" name="角丸四角形 3"/>
          <p:cNvSpPr/>
          <p:nvPr/>
        </p:nvSpPr>
        <p:spPr>
          <a:xfrm>
            <a:off x="2289176" y="2171700"/>
            <a:ext cx="2233613" cy="914400"/>
          </a:xfrm>
          <a:prstGeom prst="roundRect">
            <a:avLst/>
          </a:prstGeom>
          <a:solidFill>
            <a:schemeClr val="tx2">
              <a:lumMod val="20000"/>
              <a:lumOff val="80000"/>
            </a:schemeClr>
          </a:solidFill>
          <a:ln w="57150"/>
        </p:spPr>
        <p:style>
          <a:lnRef idx="2">
            <a:schemeClr val="accent1"/>
          </a:lnRef>
          <a:fillRef idx="1">
            <a:schemeClr val="lt1"/>
          </a:fillRef>
          <a:effectRef idx="0">
            <a:schemeClr val="accent1"/>
          </a:effectRef>
          <a:fontRef idx="minor">
            <a:schemeClr val="dk1"/>
          </a:fontRef>
        </p:style>
        <p:txBody>
          <a:bodyPr anchor="ctr"/>
          <a:lstStyle/>
          <a:p>
            <a:pPr>
              <a:defRPr/>
            </a:pPr>
            <a:r>
              <a:rPr lang="ja-JP" altLang="en-US" sz="2000" dirty="0"/>
              <a:t>プロ</a:t>
            </a:r>
            <a:endParaRPr lang="en-US" altLang="ja-JP" sz="2000" dirty="0"/>
          </a:p>
          <a:p>
            <a:pPr>
              <a:defRPr/>
            </a:pPr>
            <a:r>
              <a:rPr lang="ja-JP" altLang="en-US" sz="2000" dirty="0"/>
              <a:t>（知見が有る）</a:t>
            </a:r>
          </a:p>
        </p:txBody>
      </p:sp>
      <p:sp>
        <p:nvSpPr>
          <p:cNvPr id="5" name="角丸四角形 4"/>
          <p:cNvSpPr/>
          <p:nvPr/>
        </p:nvSpPr>
        <p:spPr>
          <a:xfrm>
            <a:off x="2268539" y="3259138"/>
            <a:ext cx="2232025" cy="914400"/>
          </a:xfrm>
          <a:prstGeom prst="roundRect">
            <a:avLst/>
          </a:prstGeom>
          <a:solidFill>
            <a:schemeClr val="accent6">
              <a:lumMod val="20000"/>
              <a:lumOff val="80000"/>
            </a:schemeClr>
          </a:solidFill>
          <a:ln w="57150"/>
        </p:spPr>
        <p:style>
          <a:lnRef idx="2">
            <a:schemeClr val="accent1"/>
          </a:lnRef>
          <a:fillRef idx="1">
            <a:schemeClr val="lt1"/>
          </a:fillRef>
          <a:effectRef idx="0">
            <a:schemeClr val="accent1"/>
          </a:effectRef>
          <a:fontRef idx="minor">
            <a:schemeClr val="dk1"/>
          </a:fontRef>
        </p:style>
        <p:txBody>
          <a:bodyPr anchor="ctr"/>
          <a:lstStyle/>
          <a:p>
            <a:pPr>
              <a:defRPr/>
            </a:pPr>
            <a:r>
              <a:rPr lang="ja-JP" altLang="en-US" sz="2000" dirty="0"/>
              <a:t>アマチュア</a:t>
            </a:r>
            <a:endParaRPr lang="en-US" altLang="ja-JP" sz="2000" dirty="0"/>
          </a:p>
          <a:p>
            <a:pPr>
              <a:defRPr/>
            </a:pPr>
            <a:r>
              <a:rPr lang="ja-JP" altLang="en-US" sz="2000" dirty="0"/>
              <a:t>（知見が無い）</a:t>
            </a:r>
          </a:p>
        </p:txBody>
      </p:sp>
      <p:sp>
        <p:nvSpPr>
          <p:cNvPr id="6" name="角丸四角形 5"/>
          <p:cNvSpPr/>
          <p:nvPr/>
        </p:nvSpPr>
        <p:spPr>
          <a:xfrm>
            <a:off x="2279651" y="4305300"/>
            <a:ext cx="2232025" cy="914400"/>
          </a:xfrm>
          <a:prstGeom prst="roundRect">
            <a:avLst/>
          </a:prstGeom>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sz="2000" dirty="0"/>
              <a:t>アマチュア</a:t>
            </a:r>
            <a:endParaRPr lang="en-US" altLang="ja-JP" sz="2000" dirty="0"/>
          </a:p>
          <a:p>
            <a:pPr>
              <a:defRPr/>
            </a:pPr>
            <a:r>
              <a:rPr lang="ja-JP" altLang="en-US" sz="2000" dirty="0"/>
              <a:t>（知見が無い）</a:t>
            </a:r>
          </a:p>
        </p:txBody>
      </p:sp>
      <p:sp>
        <p:nvSpPr>
          <p:cNvPr id="7" name="角丸四角形 6"/>
          <p:cNvSpPr/>
          <p:nvPr/>
        </p:nvSpPr>
        <p:spPr>
          <a:xfrm>
            <a:off x="5846763" y="4324350"/>
            <a:ext cx="2233612" cy="914400"/>
          </a:xfrm>
          <a:prstGeom prst="roundRect">
            <a:avLst/>
          </a:prstGeom>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sz="2000" dirty="0"/>
              <a:t>アマチュア</a:t>
            </a:r>
            <a:endParaRPr lang="en-US" altLang="ja-JP" sz="2000" dirty="0"/>
          </a:p>
          <a:p>
            <a:pPr>
              <a:defRPr/>
            </a:pPr>
            <a:r>
              <a:rPr lang="ja-JP" altLang="en-US" sz="2000" dirty="0"/>
              <a:t>（知見が無い）</a:t>
            </a:r>
          </a:p>
        </p:txBody>
      </p:sp>
      <p:sp>
        <p:nvSpPr>
          <p:cNvPr id="8" name="角丸四角形 7"/>
          <p:cNvSpPr/>
          <p:nvPr/>
        </p:nvSpPr>
        <p:spPr>
          <a:xfrm>
            <a:off x="5821364" y="3259138"/>
            <a:ext cx="2232025" cy="914400"/>
          </a:xfrm>
          <a:prstGeom prst="roundRect">
            <a:avLst/>
          </a:prstGeom>
          <a:solidFill>
            <a:srgbClr val="FFFF00"/>
          </a:solidFill>
          <a:ln w="57150"/>
        </p:spPr>
        <p:style>
          <a:lnRef idx="2">
            <a:schemeClr val="accent1"/>
          </a:lnRef>
          <a:fillRef idx="1">
            <a:schemeClr val="lt1"/>
          </a:fillRef>
          <a:effectRef idx="0">
            <a:schemeClr val="accent1"/>
          </a:effectRef>
          <a:fontRef idx="minor">
            <a:schemeClr val="dk1"/>
          </a:fontRef>
        </p:style>
        <p:txBody>
          <a:bodyPr anchor="ctr"/>
          <a:lstStyle/>
          <a:p>
            <a:pPr>
              <a:defRPr/>
            </a:pPr>
            <a:r>
              <a:rPr lang="ja-JP" altLang="en-US" sz="2000" dirty="0"/>
              <a:t>プロ</a:t>
            </a:r>
            <a:endParaRPr lang="en-US" altLang="ja-JP" sz="2000" dirty="0"/>
          </a:p>
          <a:p>
            <a:pPr>
              <a:defRPr/>
            </a:pPr>
            <a:r>
              <a:rPr lang="ja-JP" altLang="en-US" sz="2000" dirty="0"/>
              <a:t>（知見が有る）</a:t>
            </a:r>
          </a:p>
        </p:txBody>
      </p:sp>
      <p:sp>
        <p:nvSpPr>
          <p:cNvPr id="9" name="角丸四角形 8"/>
          <p:cNvSpPr/>
          <p:nvPr/>
        </p:nvSpPr>
        <p:spPr>
          <a:xfrm>
            <a:off x="5808664" y="2171700"/>
            <a:ext cx="2232025" cy="914400"/>
          </a:xfrm>
          <a:prstGeom prst="roundRect">
            <a:avLst/>
          </a:prstGeom>
          <a:solidFill>
            <a:srgbClr val="FFFF00"/>
          </a:solidFill>
          <a:ln w="57150"/>
        </p:spPr>
        <p:style>
          <a:lnRef idx="2">
            <a:schemeClr val="accent1"/>
          </a:lnRef>
          <a:fillRef idx="1">
            <a:schemeClr val="lt1"/>
          </a:fillRef>
          <a:effectRef idx="0">
            <a:schemeClr val="accent1"/>
          </a:effectRef>
          <a:fontRef idx="minor">
            <a:schemeClr val="dk1"/>
          </a:fontRef>
        </p:style>
        <p:txBody>
          <a:bodyPr anchor="ctr"/>
          <a:lstStyle/>
          <a:p>
            <a:pPr>
              <a:defRPr/>
            </a:pPr>
            <a:r>
              <a:rPr lang="ja-JP" altLang="en-US" sz="2000" dirty="0"/>
              <a:t>アマチュア</a:t>
            </a:r>
            <a:endParaRPr lang="en-US" altLang="ja-JP" sz="2000" dirty="0"/>
          </a:p>
          <a:p>
            <a:pPr>
              <a:defRPr/>
            </a:pPr>
            <a:r>
              <a:rPr lang="ja-JP" altLang="en-US" sz="2000" dirty="0"/>
              <a:t>（知見が無い）</a:t>
            </a:r>
          </a:p>
        </p:txBody>
      </p:sp>
      <p:sp>
        <p:nvSpPr>
          <p:cNvPr id="10" name="角丸四角形 9"/>
          <p:cNvSpPr/>
          <p:nvPr/>
        </p:nvSpPr>
        <p:spPr>
          <a:xfrm>
            <a:off x="5808664" y="1052513"/>
            <a:ext cx="2232025" cy="914400"/>
          </a:xfrm>
          <a:prstGeom prst="roundRect">
            <a:avLst/>
          </a:prstGeom>
          <a:solidFill>
            <a:schemeClr val="accent3">
              <a:lumMod val="40000"/>
              <a:lumOff val="60000"/>
            </a:schemeClr>
          </a:solidFill>
          <a:ln w="57150"/>
        </p:spPr>
        <p:style>
          <a:lnRef idx="2">
            <a:schemeClr val="accent1"/>
          </a:lnRef>
          <a:fillRef idx="1">
            <a:schemeClr val="lt1"/>
          </a:fillRef>
          <a:effectRef idx="0">
            <a:schemeClr val="accent1"/>
          </a:effectRef>
          <a:fontRef idx="minor">
            <a:schemeClr val="dk1"/>
          </a:fontRef>
        </p:style>
        <p:txBody>
          <a:bodyPr anchor="ctr"/>
          <a:lstStyle/>
          <a:p>
            <a:pPr>
              <a:defRPr/>
            </a:pPr>
            <a:r>
              <a:rPr lang="ja-JP" altLang="en-US" sz="2000" dirty="0"/>
              <a:t>プロ</a:t>
            </a:r>
            <a:endParaRPr lang="en-US" altLang="ja-JP" sz="2000" dirty="0"/>
          </a:p>
          <a:p>
            <a:pPr>
              <a:defRPr/>
            </a:pPr>
            <a:r>
              <a:rPr lang="ja-JP" altLang="en-US" sz="2000" dirty="0"/>
              <a:t>（知見が有る）</a:t>
            </a:r>
          </a:p>
        </p:txBody>
      </p:sp>
      <p:sp>
        <p:nvSpPr>
          <p:cNvPr id="11" name="右矢印 10"/>
          <p:cNvSpPr/>
          <p:nvPr/>
        </p:nvSpPr>
        <p:spPr>
          <a:xfrm>
            <a:off x="4851400" y="1114426"/>
            <a:ext cx="647700" cy="79216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dirty="0"/>
          </a:p>
        </p:txBody>
      </p:sp>
      <p:sp>
        <p:nvSpPr>
          <p:cNvPr id="12" name="右矢印 11"/>
          <p:cNvSpPr/>
          <p:nvPr/>
        </p:nvSpPr>
        <p:spPr>
          <a:xfrm>
            <a:off x="4851400" y="2222501"/>
            <a:ext cx="647700" cy="79216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dirty="0"/>
          </a:p>
        </p:txBody>
      </p:sp>
      <p:sp>
        <p:nvSpPr>
          <p:cNvPr id="13" name="右矢印 12"/>
          <p:cNvSpPr/>
          <p:nvPr/>
        </p:nvSpPr>
        <p:spPr>
          <a:xfrm>
            <a:off x="4852988" y="3321051"/>
            <a:ext cx="647700" cy="79216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dirty="0"/>
          </a:p>
        </p:txBody>
      </p:sp>
      <p:sp>
        <p:nvSpPr>
          <p:cNvPr id="14" name="右矢印 13"/>
          <p:cNvSpPr/>
          <p:nvPr/>
        </p:nvSpPr>
        <p:spPr>
          <a:xfrm>
            <a:off x="4851400" y="4438651"/>
            <a:ext cx="647700" cy="792163"/>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dirty="0"/>
          </a:p>
        </p:txBody>
      </p:sp>
      <p:sp>
        <p:nvSpPr>
          <p:cNvPr id="19471" name="テキスト ボックス 14"/>
          <p:cNvSpPr txBox="1">
            <a:spLocks noChangeArrowheads="1"/>
          </p:cNvSpPr>
          <p:nvPr/>
        </p:nvSpPr>
        <p:spPr bwMode="auto">
          <a:xfrm>
            <a:off x="4478339" y="180976"/>
            <a:ext cx="3228975"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3600">
                <a:latin typeface="Arial" panose="020B0604020202020204" pitchFamily="34" charset="0"/>
              </a:rPr>
              <a:t>発注のパターン</a:t>
            </a:r>
          </a:p>
        </p:txBody>
      </p:sp>
      <p:sp>
        <p:nvSpPr>
          <p:cNvPr id="16" name="正方形/長方形 15"/>
          <p:cNvSpPr/>
          <p:nvPr/>
        </p:nvSpPr>
        <p:spPr>
          <a:xfrm>
            <a:off x="1949962" y="5387822"/>
            <a:ext cx="6756502" cy="576262"/>
          </a:xfrm>
          <a:prstGeom prst="rect">
            <a:avLst/>
          </a:prstGeom>
          <a:ln/>
        </p:spPr>
        <p:style>
          <a:lnRef idx="2">
            <a:schemeClr val="accent3"/>
          </a:lnRef>
          <a:fillRef idx="1">
            <a:schemeClr val="lt1"/>
          </a:fillRef>
          <a:effectRef idx="0">
            <a:schemeClr val="accent3"/>
          </a:effectRef>
          <a:fontRef idx="minor">
            <a:schemeClr val="dk1"/>
          </a:fontRef>
        </p:style>
        <p:txBody>
          <a:bodyPr anchor="ctr"/>
          <a:lstStyle/>
          <a:p>
            <a:pPr>
              <a:defRPr/>
            </a:pPr>
            <a:r>
              <a:rPr lang="ja-JP" altLang="en-US" sz="2800" dirty="0"/>
              <a:t>　　発注者　　　　　　　　　　受注者</a:t>
            </a:r>
          </a:p>
        </p:txBody>
      </p:sp>
      <p:sp>
        <p:nvSpPr>
          <p:cNvPr id="17" name="円/楕円 16"/>
          <p:cNvSpPr/>
          <p:nvPr/>
        </p:nvSpPr>
        <p:spPr>
          <a:xfrm>
            <a:off x="8399464" y="908050"/>
            <a:ext cx="1584325" cy="914400"/>
          </a:xfrm>
          <a:prstGeom prst="ellipse">
            <a:avLst/>
          </a:prstGeom>
          <a:ln w="38100"/>
        </p:spPr>
        <p:style>
          <a:lnRef idx="2">
            <a:schemeClr val="dk1"/>
          </a:lnRef>
          <a:fillRef idx="1">
            <a:schemeClr val="lt1"/>
          </a:fillRef>
          <a:effectRef idx="0">
            <a:schemeClr val="dk1"/>
          </a:effectRef>
          <a:fontRef idx="minor">
            <a:schemeClr val="dk1"/>
          </a:fontRef>
        </p:style>
        <p:txBody>
          <a:bodyPr anchor="ctr"/>
          <a:lstStyle/>
          <a:p>
            <a:pPr>
              <a:defRPr/>
            </a:pPr>
            <a:r>
              <a:rPr lang="ja-JP" altLang="en-US" sz="2400" dirty="0"/>
              <a:t>良好</a:t>
            </a:r>
          </a:p>
        </p:txBody>
      </p:sp>
      <p:sp>
        <p:nvSpPr>
          <p:cNvPr id="18" name="爆発 2 17"/>
          <p:cNvSpPr/>
          <p:nvPr/>
        </p:nvSpPr>
        <p:spPr>
          <a:xfrm>
            <a:off x="8073232" y="3862388"/>
            <a:ext cx="2601912" cy="1619250"/>
          </a:xfrm>
          <a:prstGeom prst="irregularSeal2">
            <a:avLst/>
          </a:prstGeom>
          <a:ln/>
        </p:spPr>
        <p:style>
          <a:lnRef idx="1">
            <a:schemeClr val="accent5"/>
          </a:lnRef>
          <a:fillRef idx="2">
            <a:schemeClr val="accent5"/>
          </a:fillRef>
          <a:effectRef idx="1">
            <a:schemeClr val="accent5"/>
          </a:effectRef>
          <a:fontRef idx="minor">
            <a:schemeClr val="dk1"/>
          </a:fontRef>
        </p:style>
        <p:txBody>
          <a:bodyPr anchor="ctr"/>
          <a:lstStyle/>
          <a:p>
            <a:pPr>
              <a:defRPr/>
            </a:pPr>
            <a:endParaRPr lang="en-US" altLang="ja-JP" sz="3200" dirty="0"/>
          </a:p>
          <a:p>
            <a:pPr>
              <a:defRPr/>
            </a:pPr>
            <a:r>
              <a:rPr lang="ja-JP" altLang="en-US" sz="3200" dirty="0"/>
              <a:t>最悪</a:t>
            </a:r>
            <a:endParaRPr lang="en-US" altLang="ja-JP" sz="3200" dirty="0"/>
          </a:p>
          <a:p>
            <a:pPr>
              <a:defRPr/>
            </a:pPr>
            <a:endParaRPr lang="en-US" altLang="ja-JP" sz="3200" dirty="0"/>
          </a:p>
        </p:txBody>
      </p:sp>
      <p:sp>
        <p:nvSpPr>
          <p:cNvPr id="19" name="円/楕円 18"/>
          <p:cNvSpPr/>
          <p:nvPr/>
        </p:nvSpPr>
        <p:spPr>
          <a:xfrm>
            <a:off x="8477250" y="2557463"/>
            <a:ext cx="1582738" cy="914400"/>
          </a:xfrm>
          <a:prstGeom prst="ellipse">
            <a:avLst/>
          </a:prstGeom>
          <a:ln w="38100"/>
        </p:spPr>
        <p:style>
          <a:lnRef idx="2">
            <a:schemeClr val="dk1"/>
          </a:lnRef>
          <a:fillRef idx="1">
            <a:schemeClr val="lt1"/>
          </a:fillRef>
          <a:effectRef idx="0">
            <a:schemeClr val="dk1"/>
          </a:effectRef>
          <a:fontRef idx="minor">
            <a:schemeClr val="dk1"/>
          </a:fontRef>
        </p:style>
        <p:txBody>
          <a:bodyPr anchor="ctr"/>
          <a:lstStyle/>
          <a:p>
            <a:pPr>
              <a:defRPr/>
            </a:pPr>
            <a:r>
              <a:rPr lang="ja-JP" altLang="en-US" sz="2400" dirty="0"/>
              <a:t>なんとかなる</a:t>
            </a:r>
          </a:p>
        </p:txBody>
      </p:sp>
      <p:sp>
        <p:nvSpPr>
          <p:cNvPr id="19476" name="テキスト ボックス 14"/>
          <p:cNvSpPr txBox="1">
            <a:spLocks noChangeArrowheads="1"/>
          </p:cNvSpPr>
          <p:nvPr/>
        </p:nvSpPr>
        <p:spPr bwMode="auto">
          <a:xfrm>
            <a:off x="2740821" y="6124575"/>
            <a:ext cx="4398961"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en-US" altLang="ja-JP" sz="2000" b="1" dirty="0">
                <a:latin typeface="Arial" panose="020B0604020202020204" pitchFamily="34" charset="0"/>
              </a:rPr>
              <a:t>※</a:t>
            </a:r>
            <a:r>
              <a:rPr lang="ja-JP" altLang="en-US" sz="2000" b="1" dirty="0">
                <a:solidFill>
                  <a:srgbClr val="FF0000"/>
                </a:solidFill>
                <a:latin typeface="Arial" panose="020B0604020202020204" pitchFamily="34" charset="0"/>
              </a:rPr>
              <a:t>自治体の技量　＝　地元企業の技量</a:t>
            </a:r>
          </a:p>
        </p:txBody>
      </p:sp>
    </p:spTree>
    <p:extLst>
      <p:ext uri="{BB962C8B-B14F-4D97-AF65-F5344CB8AC3E}">
        <p14:creationId xmlns:p14="http://schemas.microsoft.com/office/powerpoint/2010/main" val="179174748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C37CEADF-3953-4CA6-9DC6-786E5C5C540B}"/>
              </a:ext>
            </a:extLst>
          </p:cNvPr>
          <p:cNvSpPr txBox="1"/>
          <p:nvPr/>
        </p:nvSpPr>
        <p:spPr>
          <a:xfrm>
            <a:off x="2567608" y="692697"/>
            <a:ext cx="7035900" cy="5786199"/>
          </a:xfrm>
          <a:prstGeom prst="rect">
            <a:avLst/>
          </a:prstGeom>
          <a:noFill/>
        </p:spPr>
        <p:txBody>
          <a:bodyPr wrap="none" rtlCol="0">
            <a:spAutoFit/>
          </a:bodyPr>
          <a:lstStyle/>
          <a:p>
            <a:r>
              <a:rPr lang="ja-JP" altLang="en-US" sz="3200" dirty="0"/>
              <a:t>自治体職員に頼られる知識</a:t>
            </a:r>
            <a:endParaRPr lang="en-US" altLang="ja-JP" sz="3200" dirty="0"/>
          </a:p>
          <a:p>
            <a:endParaRPr lang="en-US" altLang="ja-JP" sz="3200" dirty="0"/>
          </a:p>
          <a:p>
            <a:r>
              <a:rPr lang="ja-JP" altLang="en-US" sz="3200" dirty="0"/>
              <a:t>・</a:t>
            </a:r>
            <a:r>
              <a:rPr lang="ja-JP" altLang="en-US" sz="3200" b="1" dirty="0"/>
              <a:t>中央（本省）の情報を正確に早く</a:t>
            </a:r>
            <a:endParaRPr lang="en-US" altLang="ja-JP" sz="3200" b="1" dirty="0"/>
          </a:p>
          <a:p>
            <a:endParaRPr lang="en-US" altLang="ja-JP" sz="3200" b="1" dirty="0"/>
          </a:p>
          <a:p>
            <a:r>
              <a:rPr lang="ja-JP" altLang="en-US" sz="3200" b="1" dirty="0"/>
              <a:t>・先進自治体の動き</a:t>
            </a:r>
            <a:endParaRPr lang="en-US" altLang="ja-JP" sz="3200" b="1" dirty="0"/>
          </a:p>
          <a:p>
            <a:endParaRPr lang="en-US" altLang="ja-JP" sz="3200" b="1" dirty="0"/>
          </a:p>
          <a:p>
            <a:r>
              <a:rPr lang="ja-JP" altLang="en-US" sz="3200" b="1" dirty="0"/>
              <a:t>・経験と知識</a:t>
            </a:r>
            <a:endParaRPr lang="en-US" altLang="ja-JP" sz="3200" b="1" dirty="0"/>
          </a:p>
          <a:p>
            <a:endParaRPr lang="en-US" altLang="ja-JP" sz="3200" dirty="0"/>
          </a:p>
          <a:p>
            <a:r>
              <a:rPr lang="ja-JP" altLang="en-US" sz="3200" dirty="0"/>
              <a:t>経験の浅い職員はすぐに信じてしまう！</a:t>
            </a:r>
            <a:endParaRPr lang="en-US" altLang="ja-JP" sz="3200" dirty="0"/>
          </a:p>
          <a:p>
            <a:endParaRPr lang="en-US" altLang="ja-JP" sz="3200" dirty="0"/>
          </a:p>
          <a:p>
            <a:r>
              <a:rPr lang="ja-JP" altLang="en-US" sz="3200" dirty="0"/>
              <a:t>嘘を言ってはダメです！</a:t>
            </a:r>
            <a:endParaRPr lang="en-US" altLang="ja-JP" sz="3200" dirty="0"/>
          </a:p>
          <a:p>
            <a:endParaRPr lang="ja-JP" altLang="en-US" dirty="0"/>
          </a:p>
        </p:txBody>
      </p:sp>
    </p:spTree>
    <p:extLst>
      <p:ext uri="{BB962C8B-B14F-4D97-AF65-F5344CB8AC3E}">
        <p14:creationId xmlns:p14="http://schemas.microsoft.com/office/powerpoint/2010/main" val="102818367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3040DE86-A2B8-4F0E-BE4E-8B8084F85585}"/>
              </a:ext>
            </a:extLst>
          </p:cNvPr>
          <p:cNvSpPr>
            <a:spLocks noGrp="1"/>
          </p:cNvSpPr>
          <p:nvPr>
            <p:ph type="title"/>
          </p:nvPr>
        </p:nvSpPr>
        <p:spPr>
          <a:xfrm>
            <a:off x="838200" y="365125"/>
            <a:ext cx="10515600" cy="819937"/>
          </a:xfrm>
        </p:spPr>
        <p:txBody>
          <a:bodyPr/>
          <a:lstStyle/>
          <a:p>
            <a:r>
              <a:rPr lang="ja-JP" altLang="en-US" dirty="0"/>
              <a:t>提案者の提案にたいして</a:t>
            </a:r>
          </a:p>
        </p:txBody>
      </p:sp>
      <p:graphicFrame>
        <p:nvGraphicFramePr>
          <p:cNvPr id="8" name="コンテンツ プレースホルダー 5">
            <a:extLst>
              <a:ext uri="{FF2B5EF4-FFF2-40B4-BE49-F238E27FC236}">
                <a16:creationId xmlns:a16="http://schemas.microsoft.com/office/drawing/2014/main" id="{9CDB68D8-B0FB-491E-94DC-41F2035ABB32}"/>
              </a:ext>
            </a:extLst>
          </p:cNvPr>
          <p:cNvGraphicFramePr>
            <a:graphicFrameLocks noGrp="1"/>
          </p:cNvGraphicFramePr>
          <p:nvPr>
            <p:ph idx="1"/>
          </p:nvPr>
        </p:nvGraphicFramePr>
        <p:xfrm>
          <a:off x="838200" y="1426464"/>
          <a:ext cx="10515600" cy="490150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4" name="スライド番号プレースホルダー 3">
            <a:extLst>
              <a:ext uri="{FF2B5EF4-FFF2-40B4-BE49-F238E27FC236}">
                <a16:creationId xmlns:a16="http://schemas.microsoft.com/office/drawing/2014/main" id="{5E85E99F-68C7-4ED0-B21D-2B58B1313650}"/>
              </a:ext>
            </a:extLst>
          </p:cNvPr>
          <p:cNvSpPr>
            <a:spLocks noGrp="1"/>
          </p:cNvSpPr>
          <p:nvPr>
            <p:ph type="sldNum" sz="quarter" idx="12"/>
          </p:nvPr>
        </p:nvSpPr>
        <p:spPr/>
        <p:txBody>
          <a:bodyPr/>
          <a:lstStyle/>
          <a:p>
            <a:fld id="{8CBE0B6B-AA1C-4A08-8C69-36F95E8FD104}" type="slidenum">
              <a:rPr kumimoji="1" lang="ja-JP" altLang="en-US" smtClean="0"/>
              <a:t>29</a:t>
            </a:fld>
            <a:endParaRPr kumimoji="1" lang="ja-JP" altLang="en-US"/>
          </a:p>
        </p:txBody>
      </p:sp>
    </p:spTree>
    <p:extLst>
      <p:ext uri="{BB962C8B-B14F-4D97-AF65-F5344CB8AC3E}">
        <p14:creationId xmlns:p14="http://schemas.microsoft.com/office/powerpoint/2010/main" val="3412391579"/>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スライド番号プレースホルダー 3"/>
          <p:cNvSpPr>
            <a:spLocks noGrp="1"/>
          </p:cNvSpPr>
          <p:nvPr>
            <p:ph type="sldNum" sz="quarter" idx="12"/>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en-US" altLang="ja-JP" sz="1200">
                <a:solidFill>
                  <a:schemeClr val="bg1"/>
                </a:solidFill>
                <a:latin typeface="HGPｺﾞｼｯｸE" pitchFamily="50" charset="-128"/>
                <a:ea typeface="HGPｺﾞｼｯｸE" pitchFamily="50" charset="-128"/>
              </a:rPr>
              <a:t>-</a:t>
            </a:r>
            <a:fld id="{809A4AC6-D95D-429B-9314-4D2425AAC29C}" type="slidenum">
              <a:rPr lang="en-US" altLang="ja-JP" sz="1200">
                <a:solidFill>
                  <a:schemeClr val="bg1"/>
                </a:solidFill>
                <a:latin typeface="HGPｺﾞｼｯｸE" pitchFamily="50" charset="-128"/>
                <a:ea typeface="HGPｺﾞｼｯｸE" pitchFamily="50" charset="-128"/>
              </a:rPr>
              <a:pPr eaLnBrk="1" hangingPunct="1">
                <a:spcBef>
                  <a:spcPct val="0"/>
                </a:spcBef>
                <a:buFontTx/>
                <a:buNone/>
              </a:pPr>
              <a:t>3</a:t>
            </a:fld>
            <a:r>
              <a:rPr lang="en-US" altLang="ja-JP" sz="1200">
                <a:solidFill>
                  <a:schemeClr val="bg1"/>
                </a:solidFill>
                <a:latin typeface="HGPｺﾞｼｯｸE" pitchFamily="50" charset="-128"/>
                <a:ea typeface="HGPｺﾞｼｯｸE" pitchFamily="50" charset="-128"/>
              </a:rPr>
              <a:t>-</a:t>
            </a:r>
          </a:p>
        </p:txBody>
      </p:sp>
      <p:sp>
        <p:nvSpPr>
          <p:cNvPr id="6148" name="テキスト ボックス 1"/>
          <p:cNvSpPr txBox="1">
            <a:spLocks noChangeArrowheads="1"/>
          </p:cNvSpPr>
          <p:nvPr/>
        </p:nvSpPr>
        <p:spPr bwMode="auto">
          <a:xfrm>
            <a:off x="1557140" y="6350"/>
            <a:ext cx="1923925" cy="1077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2800" dirty="0">
                <a:latin typeface="HGP創英角ﾎﾟｯﾌﾟ体" pitchFamily="50" charset="-128"/>
                <a:ea typeface="HGP創英角ﾎﾟｯﾌﾟ体" pitchFamily="50" charset="-128"/>
              </a:rPr>
              <a:t>富山市では</a:t>
            </a:r>
            <a:endParaRPr lang="en-US" altLang="ja-JP" sz="2800" dirty="0">
              <a:latin typeface="HGP創英角ﾎﾟｯﾌﾟ体" pitchFamily="50" charset="-128"/>
              <a:ea typeface="HGP創英角ﾎﾟｯﾌﾟ体" pitchFamily="50" charset="-128"/>
            </a:endParaRPr>
          </a:p>
          <a:p>
            <a:pPr eaLnBrk="1" hangingPunct="1">
              <a:spcBef>
                <a:spcPct val="0"/>
              </a:spcBef>
              <a:buFontTx/>
              <a:buNone/>
            </a:pPr>
            <a:r>
              <a:rPr lang="ja-JP" altLang="en-US" sz="1800" dirty="0">
                <a:latin typeface="HGP創英角ﾎﾟｯﾌﾟ体" pitchFamily="50" charset="-128"/>
                <a:ea typeface="HGP創英角ﾎﾟｯﾌﾟ体" pitchFamily="50" charset="-128"/>
              </a:rPr>
              <a:t>　　</a:t>
            </a:r>
            <a:endParaRPr lang="en-US" altLang="ja-JP" sz="1800" dirty="0">
              <a:latin typeface="HGP創英角ﾎﾟｯﾌﾟ体" pitchFamily="50" charset="-128"/>
              <a:ea typeface="HGP創英角ﾎﾟｯﾌﾟ体" pitchFamily="50" charset="-128"/>
            </a:endParaRPr>
          </a:p>
          <a:p>
            <a:pPr eaLnBrk="1" hangingPunct="1">
              <a:spcBef>
                <a:spcPct val="0"/>
              </a:spcBef>
              <a:buFontTx/>
              <a:buNone/>
            </a:pPr>
            <a:r>
              <a:rPr lang="ja-JP" altLang="en-US" sz="1800" dirty="0">
                <a:latin typeface="HGP創英角ﾎﾟｯﾌﾟ体" pitchFamily="50" charset="-128"/>
                <a:ea typeface="HGP創英角ﾎﾟｯﾌﾟ体" pitchFamily="50" charset="-128"/>
              </a:rPr>
              <a:t>　</a:t>
            </a:r>
          </a:p>
        </p:txBody>
      </p:sp>
      <p:pic>
        <p:nvPicPr>
          <p:cNvPr id="5122" name="Picture 2"/>
          <p:cNvPicPr>
            <a:picLocks noChangeAspect="1" noChangeArrowheads="1"/>
          </p:cNvPicPr>
          <p:nvPr/>
        </p:nvPicPr>
        <p:blipFill>
          <a:blip r:embed="rId2">
            <a:extLst>
              <a:ext uri="{BEBA8EAE-BF5A-486C-A8C5-ECC9F3942E4B}">
                <a14:imgProps xmlns:a14="http://schemas.microsoft.com/office/drawing/2010/main">
                  <a14:imgLayer r:embed="rId3">
                    <a14:imgEffect>
                      <a14:brightnessContrast contrast="-20000"/>
                    </a14:imgEffect>
                  </a14:imgLayer>
                </a14:imgProps>
              </a:ext>
              <a:ext uri="{28A0092B-C50C-407E-A947-70E740481C1C}">
                <a14:useLocalDpi xmlns:a14="http://schemas.microsoft.com/office/drawing/2010/main" val="0"/>
              </a:ext>
            </a:extLst>
          </a:blip>
          <a:srcRect/>
          <a:stretch>
            <a:fillRect/>
          </a:stretch>
        </p:blipFill>
        <p:spPr bwMode="auto">
          <a:xfrm>
            <a:off x="1927093" y="3410008"/>
            <a:ext cx="4956141" cy="33114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124"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431241" y="261971"/>
            <a:ext cx="4956141" cy="33938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テキスト ボックス 2"/>
          <p:cNvSpPr txBox="1"/>
          <p:nvPr/>
        </p:nvSpPr>
        <p:spPr>
          <a:xfrm>
            <a:off x="7176120" y="5605152"/>
            <a:ext cx="2534668" cy="369332"/>
          </a:xfrm>
          <a:prstGeom prst="rect">
            <a:avLst/>
          </a:prstGeom>
          <a:noFill/>
        </p:spPr>
        <p:txBody>
          <a:bodyPr wrap="none" rtlCol="0">
            <a:spAutoFit/>
          </a:bodyPr>
          <a:lstStyle/>
          <a:p>
            <a:r>
              <a:rPr lang="ja-JP" altLang="en-US" b="1" dirty="0"/>
              <a:t>橋りょう保全予算の推移</a:t>
            </a:r>
          </a:p>
        </p:txBody>
      </p:sp>
      <p:sp>
        <p:nvSpPr>
          <p:cNvPr id="11" name="テキスト ボックス 10"/>
          <p:cNvSpPr txBox="1"/>
          <p:nvPr/>
        </p:nvSpPr>
        <p:spPr>
          <a:xfrm>
            <a:off x="7543801" y="3585971"/>
            <a:ext cx="2031325" cy="369332"/>
          </a:xfrm>
          <a:prstGeom prst="rect">
            <a:avLst/>
          </a:prstGeom>
          <a:noFill/>
        </p:spPr>
        <p:txBody>
          <a:bodyPr wrap="none" rtlCol="0">
            <a:spAutoFit/>
          </a:bodyPr>
          <a:lstStyle/>
          <a:p>
            <a:r>
              <a:rPr lang="ja-JP" altLang="en-US" b="1" dirty="0"/>
              <a:t>土木系職員の推移</a:t>
            </a:r>
          </a:p>
        </p:txBody>
      </p:sp>
    </p:spTree>
    <p:extLst>
      <p:ext uri="{BB962C8B-B14F-4D97-AF65-F5344CB8AC3E}">
        <p14:creationId xmlns:p14="http://schemas.microsoft.com/office/powerpoint/2010/main" val="196128191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3040DE86-A2B8-4F0E-BE4E-8B8084F85585}"/>
              </a:ext>
            </a:extLst>
          </p:cNvPr>
          <p:cNvSpPr>
            <a:spLocks noGrp="1"/>
          </p:cNvSpPr>
          <p:nvPr>
            <p:ph type="title"/>
          </p:nvPr>
        </p:nvSpPr>
        <p:spPr>
          <a:xfrm>
            <a:off x="838200" y="365125"/>
            <a:ext cx="10515600" cy="819937"/>
          </a:xfrm>
        </p:spPr>
        <p:txBody>
          <a:bodyPr/>
          <a:lstStyle/>
          <a:p>
            <a:r>
              <a:rPr lang="ja-JP" altLang="en-US" dirty="0"/>
              <a:t>提案者に対する印象</a:t>
            </a:r>
          </a:p>
        </p:txBody>
      </p:sp>
      <p:graphicFrame>
        <p:nvGraphicFramePr>
          <p:cNvPr id="8" name="コンテンツ プレースホルダー 5">
            <a:extLst>
              <a:ext uri="{FF2B5EF4-FFF2-40B4-BE49-F238E27FC236}">
                <a16:creationId xmlns:a16="http://schemas.microsoft.com/office/drawing/2014/main" id="{9CDB68D8-B0FB-491E-94DC-41F2035ABB32}"/>
              </a:ext>
            </a:extLst>
          </p:cNvPr>
          <p:cNvGraphicFramePr>
            <a:graphicFrameLocks noGrp="1"/>
          </p:cNvGraphicFramePr>
          <p:nvPr>
            <p:ph idx="1"/>
          </p:nvPr>
        </p:nvGraphicFramePr>
        <p:xfrm>
          <a:off x="838200" y="1426464"/>
          <a:ext cx="10515600" cy="490150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4" name="スライド番号プレースホルダー 3">
            <a:extLst>
              <a:ext uri="{FF2B5EF4-FFF2-40B4-BE49-F238E27FC236}">
                <a16:creationId xmlns:a16="http://schemas.microsoft.com/office/drawing/2014/main" id="{5E85E99F-68C7-4ED0-B21D-2B58B1313650}"/>
              </a:ext>
            </a:extLst>
          </p:cNvPr>
          <p:cNvSpPr>
            <a:spLocks noGrp="1"/>
          </p:cNvSpPr>
          <p:nvPr>
            <p:ph type="sldNum" sz="quarter" idx="12"/>
          </p:nvPr>
        </p:nvSpPr>
        <p:spPr/>
        <p:txBody>
          <a:bodyPr/>
          <a:lstStyle/>
          <a:p>
            <a:fld id="{8CBE0B6B-AA1C-4A08-8C69-36F95E8FD104}" type="slidenum">
              <a:rPr kumimoji="1" lang="ja-JP" altLang="en-US" smtClean="0"/>
              <a:t>30</a:t>
            </a:fld>
            <a:endParaRPr kumimoji="1" lang="ja-JP" altLang="en-US"/>
          </a:p>
        </p:txBody>
      </p:sp>
    </p:spTree>
    <p:extLst>
      <p:ext uri="{BB962C8B-B14F-4D97-AF65-F5344CB8AC3E}">
        <p14:creationId xmlns:p14="http://schemas.microsoft.com/office/powerpoint/2010/main" val="2974058297"/>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3040DE86-A2B8-4F0E-BE4E-8B8084F85585}"/>
              </a:ext>
            </a:extLst>
          </p:cNvPr>
          <p:cNvSpPr>
            <a:spLocks noGrp="1"/>
          </p:cNvSpPr>
          <p:nvPr>
            <p:ph type="title"/>
          </p:nvPr>
        </p:nvSpPr>
        <p:spPr>
          <a:xfrm>
            <a:off x="838200" y="365125"/>
            <a:ext cx="10515600" cy="819937"/>
          </a:xfrm>
        </p:spPr>
        <p:txBody>
          <a:bodyPr/>
          <a:lstStyle/>
          <a:p>
            <a:r>
              <a:rPr lang="ja-JP" altLang="en-US" dirty="0"/>
              <a:t>提案者に対する印象</a:t>
            </a:r>
          </a:p>
        </p:txBody>
      </p:sp>
      <p:graphicFrame>
        <p:nvGraphicFramePr>
          <p:cNvPr id="8" name="コンテンツ プレースホルダー 5">
            <a:extLst>
              <a:ext uri="{FF2B5EF4-FFF2-40B4-BE49-F238E27FC236}">
                <a16:creationId xmlns:a16="http://schemas.microsoft.com/office/drawing/2014/main" id="{9CDB68D8-B0FB-491E-94DC-41F2035ABB32}"/>
              </a:ext>
            </a:extLst>
          </p:cNvPr>
          <p:cNvGraphicFramePr>
            <a:graphicFrameLocks noGrp="1"/>
          </p:cNvGraphicFramePr>
          <p:nvPr>
            <p:ph idx="1"/>
          </p:nvPr>
        </p:nvGraphicFramePr>
        <p:xfrm>
          <a:off x="838200" y="1426464"/>
          <a:ext cx="10515600" cy="490150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4" name="スライド番号プレースホルダー 3">
            <a:extLst>
              <a:ext uri="{FF2B5EF4-FFF2-40B4-BE49-F238E27FC236}">
                <a16:creationId xmlns:a16="http://schemas.microsoft.com/office/drawing/2014/main" id="{5E85E99F-68C7-4ED0-B21D-2B58B1313650}"/>
              </a:ext>
            </a:extLst>
          </p:cNvPr>
          <p:cNvSpPr>
            <a:spLocks noGrp="1"/>
          </p:cNvSpPr>
          <p:nvPr>
            <p:ph type="sldNum" sz="quarter" idx="12"/>
          </p:nvPr>
        </p:nvSpPr>
        <p:spPr/>
        <p:txBody>
          <a:bodyPr/>
          <a:lstStyle/>
          <a:p>
            <a:fld id="{8CBE0B6B-AA1C-4A08-8C69-36F95E8FD104}" type="slidenum">
              <a:rPr kumimoji="1" lang="ja-JP" altLang="en-US" smtClean="0"/>
              <a:t>31</a:t>
            </a:fld>
            <a:endParaRPr kumimoji="1" lang="ja-JP" altLang="en-US"/>
          </a:p>
        </p:txBody>
      </p:sp>
    </p:spTree>
    <p:extLst>
      <p:ext uri="{BB962C8B-B14F-4D97-AF65-F5344CB8AC3E}">
        <p14:creationId xmlns:p14="http://schemas.microsoft.com/office/powerpoint/2010/main" val="415805663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50E0317B-5BCF-8393-A55F-B006F2CDABB7}"/>
              </a:ext>
            </a:extLst>
          </p:cNvPr>
          <p:cNvSpPr>
            <a:spLocks noGrp="1"/>
          </p:cNvSpPr>
          <p:nvPr>
            <p:ph type="title"/>
          </p:nvPr>
        </p:nvSpPr>
        <p:spPr>
          <a:xfrm>
            <a:off x="838200" y="258445"/>
            <a:ext cx="10515600" cy="1325563"/>
          </a:xfrm>
        </p:spPr>
        <p:txBody>
          <a:bodyPr/>
          <a:lstStyle/>
          <a:p>
            <a:r>
              <a:rPr kumimoji="1" lang="ja-JP" altLang="en-US" dirty="0"/>
              <a:t>富山市の場合</a:t>
            </a:r>
          </a:p>
        </p:txBody>
      </p:sp>
      <p:sp>
        <p:nvSpPr>
          <p:cNvPr id="3" name="テキスト ボックス 2">
            <a:extLst>
              <a:ext uri="{FF2B5EF4-FFF2-40B4-BE49-F238E27FC236}">
                <a16:creationId xmlns:a16="http://schemas.microsoft.com/office/drawing/2014/main" id="{D8598133-74B5-8A1F-B2D0-7BEB5779DCC0}"/>
              </a:ext>
            </a:extLst>
          </p:cNvPr>
          <p:cNvSpPr txBox="1"/>
          <p:nvPr/>
        </p:nvSpPr>
        <p:spPr>
          <a:xfrm>
            <a:off x="1193155" y="1310640"/>
            <a:ext cx="10392910" cy="5262979"/>
          </a:xfrm>
          <a:prstGeom prst="rect">
            <a:avLst/>
          </a:prstGeom>
          <a:noFill/>
        </p:spPr>
        <p:txBody>
          <a:bodyPr wrap="none" rtlCol="0">
            <a:spAutoFit/>
          </a:bodyPr>
          <a:lstStyle/>
          <a:p>
            <a:r>
              <a:rPr kumimoji="1" lang="ja-JP" altLang="en-US" sz="2800" dirty="0"/>
              <a:t>１０億円以上の事業に関しては、通常発注と</a:t>
            </a:r>
            <a:r>
              <a:rPr kumimoji="1" lang="en-US" altLang="ja-JP" sz="2800" dirty="0"/>
              <a:t>PPP/PFI</a:t>
            </a:r>
            <a:r>
              <a:rPr kumimoji="1" lang="ja-JP" altLang="en-US" sz="2800" dirty="0"/>
              <a:t>での比較が必要</a:t>
            </a:r>
            <a:endParaRPr kumimoji="1" lang="en-US" altLang="ja-JP" sz="2800" dirty="0"/>
          </a:p>
          <a:p>
            <a:r>
              <a:rPr kumimoji="1" lang="ja-JP" altLang="en-US" sz="2800" dirty="0"/>
              <a:t>　　　⇒５億円に下げる</a:t>
            </a:r>
            <a:endParaRPr kumimoji="1" lang="en-US" altLang="ja-JP" sz="2800" dirty="0"/>
          </a:p>
          <a:p>
            <a:endParaRPr kumimoji="1" lang="en-US" altLang="ja-JP" sz="2800" dirty="0"/>
          </a:p>
          <a:p>
            <a:r>
              <a:rPr kumimoji="1" lang="ja-JP" altLang="en-US" sz="2800" dirty="0"/>
              <a:t>「事業評価委員会」での審議</a:t>
            </a:r>
            <a:endParaRPr kumimoji="1" lang="en-US" altLang="ja-JP" sz="2800" dirty="0"/>
          </a:p>
          <a:p>
            <a:r>
              <a:rPr kumimoji="1" lang="ja-JP" altLang="en-US" sz="2800" dirty="0"/>
              <a:t>　事業評価委員会　担当部署は企画調整部　行政経営課</a:t>
            </a:r>
            <a:endParaRPr kumimoji="1" lang="en-US" altLang="ja-JP" sz="2800" dirty="0"/>
          </a:p>
          <a:p>
            <a:r>
              <a:rPr kumimoji="1" lang="ja-JP" altLang="en-US" sz="2800" dirty="0"/>
              <a:t>　　　　　委員長　</a:t>
            </a:r>
            <a:r>
              <a:rPr kumimoji="1" lang="en-US" altLang="ja-JP" sz="2800" dirty="0"/>
              <a:t>U</a:t>
            </a:r>
            <a:r>
              <a:rPr kumimoji="1" lang="ja-JP" altLang="en-US" sz="2800" dirty="0"/>
              <a:t>氏　（</a:t>
            </a:r>
            <a:r>
              <a:rPr kumimoji="1" lang="en-US" altLang="ja-JP" sz="2800" dirty="0"/>
              <a:t>DBJ</a:t>
            </a:r>
            <a:r>
              <a:rPr kumimoji="1" lang="ja-JP" altLang="en-US" sz="2800" dirty="0"/>
              <a:t>　政策投資銀行）</a:t>
            </a:r>
            <a:endParaRPr kumimoji="1" lang="en-US" altLang="ja-JP" sz="2800" dirty="0"/>
          </a:p>
          <a:p>
            <a:r>
              <a:rPr kumimoji="1" lang="ja-JP" altLang="en-US" sz="2800" dirty="0"/>
              <a:t>　　　　　委員　　</a:t>
            </a:r>
            <a:r>
              <a:rPr kumimoji="1" lang="en-US" altLang="ja-JP" sz="2800" dirty="0"/>
              <a:t>T</a:t>
            </a:r>
            <a:r>
              <a:rPr kumimoji="1" lang="ja-JP" altLang="en-US" sz="2800" dirty="0"/>
              <a:t>氏　（日本</a:t>
            </a:r>
            <a:r>
              <a:rPr kumimoji="1" lang="en-US" altLang="ja-JP" sz="2800" dirty="0"/>
              <a:t>PFI</a:t>
            </a:r>
            <a:r>
              <a:rPr kumimoji="1" lang="ja-JP" altLang="en-US" sz="2800" dirty="0"/>
              <a:t>協会）</a:t>
            </a:r>
            <a:endParaRPr kumimoji="1" lang="en-US" altLang="ja-JP" sz="2800" dirty="0"/>
          </a:p>
          <a:p>
            <a:r>
              <a:rPr kumimoji="1" lang="ja-JP" altLang="en-US" sz="2800" dirty="0"/>
              <a:t>　　　　　　　　　</a:t>
            </a:r>
            <a:r>
              <a:rPr kumimoji="1" lang="en-US" altLang="ja-JP" sz="2800" dirty="0"/>
              <a:t>O</a:t>
            </a:r>
            <a:r>
              <a:rPr kumimoji="1" lang="ja-JP" altLang="en-US" sz="2800" dirty="0"/>
              <a:t>氏　（不動産評価）</a:t>
            </a:r>
            <a:endParaRPr kumimoji="1" lang="en-US" altLang="ja-JP" sz="2800" dirty="0"/>
          </a:p>
          <a:p>
            <a:r>
              <a:rPr kumimoji="1" lang="ja-JP" altLang="en-US" sz="2800" dirty="0"/>
              <a:t>　　　　　　　　　植野　　（政策参与）</a:t>
            </a:r>
            <a:endParaRPr kumimoji="1" lang="en-US" altLang="ja-JP" sz="2800" dirty="0"/>
          </a:p>
          <a:p>
            <a:endParaRPr kumimoji="1" lang="en-US" altLang="ja-JP" sz="2800" dirty="0"/>
          </a:p>
          <a:p>
            <a:r>
              <a:rPr kumimoji="1" lang="en-US" altLang="ja-JP" sz="2800" dirty="0"/>
              <a:t>※</a:t>
            </a:r>
            <a:r>
              <a:rPr kumimoji="1" lang="ja-JP" altLang="en-US" sz="2800" dirty="0"/>
              <a:t>市長からのコメント、</a:t>
            </a:r>
            <a:endParaRPr kumimoji="1" lang="en-US" altLang="ja-JP" sz="2800" dirty="0"/>
          </a:p>
          <a:p>
            <a:r>
              <a:rPr kumimoji="1" lang="ja-JP" altLang="en-US" sz="2800" dirty="0"/>
              <a:t>「インフラに関しても可能性の検討を積極的に行うこと。」</a:t>
            </a:r>
          </a:p>
        </p:txBody>
      </p:sp>
    </p:spTree>
    <p:extLst>
      <p:ext uri="{BB962C8B-B14F-4D97-AF65-F5344CB8AC3E}">
        <p14:creationId xmlns:p14="http://schemas.microsoft.com/office/powerpoint/2010/main" val="3635108759"/>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A8DF6E45-7550-7456-AC2D-532780FA2FDF}"/>
              </a:ext>
            </a:extLst>
          </p:cNvPr>
          <p:cNvSpPr>
            <a:spLocks noGrp="1"/>
          </p:cNvSpPr>
          <p:nvPr>
            <p:ph type="title"/>
          </p:nvPr>
        </p:nvSpPr>
        <p:spPr>
          <a:xfrm>
            <a:off x="838200" y="2103437"/>
            <a:ext cx="10515600" cy="1325563"/>
          </a:xfrm>
        </p:spPr>
        <p:txBody>
          <a:bodyPr>
            <a:normAutofit fontScale="90000"/>
          </a:bodyPr>
          <a:lstStyle/>
          <a:p>
            <a:r>
              <a:rPr kumimoji="1" lang="ja-JP" altLang="en-US" dirty="0"/>
              <a:t>富山市での６条提案に関する事例</a:t>
            </a:r>
            <a:br>
              <a:rPr kumimoji="1" lang="en-US" altLang="ja-JP" dirty="0"/>
            </a:br>
            <a:br>
              <a:rPr kumimoji="1" lang="en-US" altLang="ja-JP" dirty="0"/>
            </a:br>
            <a:r>
              <a:rPr kumimoji="1" lang="en-US" altLang="ja-JP" dirty="0"/>
              <a:t>K</a:t>
            </a:r>
            <a:r>
              <a:rPr kumimoji="1" lang="ja-JP" altLang="en-US" sz="2700" dirty="0"/>
              <a:t>（熊谷）</a:t>
            </a:r>
            <a:r>
              <a:rPr kumimoji="1" lang="en-US" altLang="ja-JP" dirty="0"/>
              <a:t>P</a:t>
            </a:r>
            <a:r>
              <a:rPr kumimoji="1" lang="ja-JP" altLang="en-US" sz="2700" dirty="0"/>
              <a:t>（パシコン）</a:t>
            </a:r>
            <a:r>
              <a:rPr kumimoji="1" lang="en-US" altLang="ja-JP" dirty="0"/>
              <a:t>Y</a:t>
            </a:r>
            <a:r>
              <a:rPr kumimoji="1" lang="ja-JP" altLang="en-US" sz="2700" dirty="0"/>
              <a:t>（横川ブリッジ）</a:t>
            </a:r>
            <a:r>
              <a:rPr kumimoji="1" lang="ja-JP" altLang="en-US" dirty="0"/>
              <a:t>の</a:t>
            </a:r>
            <a:r>
              <a:rPr kumimoji="1" lang="en-US" altLang="ja-JP" dirty="0"/>
              <a:t>3</a:t>
            </a:r>
            <a:r>
              <a:rPr kumimoji="1" lang="ja-JP" altLang="en-US" dirty="0"/>
              <a:t>社連盟提案</a:t>
            </a:r>
            <a:br>
              <a:rPr kumimoji="1" lang="en-US" altLang="ja-JP" dirty="0"/>
            </a:br>
            <a:r>
              <a:rPr kumimoji="1" lang="ja-JP" altLang="en-US" dirty="0"/>
              <a:t>市内橋梁包括管理と神通大橋の更新事業</a:t>
            </a:r>
            <a:br>
              <a:rPr kumimoji="1" lang="en-US" altLang="ja-JP" dirty="0"/>
            </a:br>
            <a:endParaRPr kumimoji="1" lang="ja-JP" altLang="en-US" dirty="0"/>
          </a:p>
        </p:txBody>
      </p:sp>
    </p:spTree>
    <p:extLst>
      <p:ext uri="{BB962C8B-B14F-4D97-AF65-F5344CB8AC3E}">
        <p14:creationId xmlns:p14="http://schemas.microsoft.com/office/powerpoint/2010/main" val="3230768064"/>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370185" y="28721"/>
            <a:ext cx="9511559" cy="689900"/>
          </a:xfrm>
          <a:prstGeom prst="rect">
            <a:avLst/>
          </a:prstGeom>
        </p:spPr>
        <p:txBody>
          <a:bodyPr vert="horz" wrap="square" lIns="0" tIns="12668" rIns="0" bIns="0" rtlCol="0" anchor="ctr">
            <a:spAutoFit/>
          </a:bodyPr>
          <a:lstStyle/>
          <a:p>
            <a:pPr marL="11516">
              <a:lnSpc>
                <a:spcPct val="100000"/>
              </a:lnSpc>
              <a:spcBef>
                <a:spcPts val="100"/>
              </a:spcBef>
            </a:pPr>
            <a:r>
              <a:rPr spc="-18" dirty="0" err="1"/>
              <a:t>審査プロセス</a:t>
            </a:r>
            <a:r>
              <a:rPr lang="ja-JP" altLang="en-US" spc="-18" dirty="0"/>
              <a:t>　⇒</a:t>
            </a:r>
            <a:r>
              <a:rPr lang="ja-JP" altLang="en-US" sz="2800" spc="-18" dirty="0"/>
              <a:t>急遽決定（企画部と建設部）</a:t>
            </a:r>
            <a:endParaRPr sz="2800" spc="-18" dirty="0"/>
          </a:p>
        </p:txBody>
      </p:sp>
      <p:grpSp>
        <p:nvGrpSpPr>
          <p:cNvPr id="3" name="object 3"/>
          <p:cNvGrpSpPr/>
          <p:nvPr/>
        </p:nvGrpSpPr>
        <p:grpSpPr>
          <a:xfrm>
            <a:off x="1286302" y="711711"/>
            <a:ext cx="9600624" cy="294819"/>
            <a:chOff x="42671" y="784859"/>
            <a:chExt cx="10587355" cy="325120"/>
          </a:xfrm>
        </p:grpSpPr>
        <p:sp>
          <p:nvSpPr>
            <p:cNvPr id="4" name="object 4"/>
            <p:cNvSpPr/>
            <p:nvPr/>
          </p:nvSpPr>
          <p:spPr>
            <a:xfrm>
              <a:off x="50291" y="792479"/>
              <a:ext cx="10574020" cy="311150"/>
            </a:xfrm>
            <a:custGeom>
              <a:avLst/>
              <a:gdLst/>
              <a:ahLst/>
              <a:cxnLst/>
              <a:rect l="l" t="t" r="r" b="b"/>
              <a:pathLst>
                <a:path w="10574020" h="311150">
                  <a:moveTo>
                    <a:pt x="10573512" y="310896"/>
                  </a:moveTo>
                  <a:lnTo>
                    <a:pt x="0" y="310896"/>
                  </a:lnTo>
                  <a:lnTo>
                    <a:pt x="0" y="0"/>
                  </a:lnTo>
                  <a:lnTo>
                    <a:pt x="10573512" y="0"/>
                  </a:lnTo>
                  <a:lnTo>
                    <a:pt x="10573512" y="310896"/>
                  </a:lnTo>
                  <a:close/>
                </a:path>
              </a:pathLst>
            </a:custGeom>
            <a:solidFill>
              <a:srgbClr val="FFFFCC"/>
            </a:solidFill>
          </p:spPr>
          <p:txBody>
            <a:bodyPr wrap="square" lIns="0" tIns="0" rIns="0" bIns="0" rtlCol="0"/>
            <a:lstStyle/>
            <a:p>
              <a:endParaRPr sz="1632"/>
            </a:p>
          </p:txBody>
        </p:sp>
        <p:sp>
          <p:nvSpPr>
            <p:cNvPr id="5" name="object 5"/>
            <p:cNvSpPr/>
            <p:nvPr/>
          </p:nvSpPr>
          <p:spPr>
            <a:xfrm>
              <a:off x="42671" y="784859"/>
              <a:ext cx="10587355" cy="325120"/>
            </a:xfrm>
            <a:custGeom>
              <a:avLst/>
              <a:gdLst/>
              <a:ahLst/>
              <a:cxnLst/>
              <a:rect l="l" t="t" r="r" b="b"/>
              <a:pathLst>
                <a:path w="10587355" h="325119">
                  <a:moveTo>
                    <a:pt x="13716" y="318516"/>
                  </a:moveTo>
                  <a:lnTo>
                    <a:pt x="0" y="318516"/>
                  </a:lnTo>
                  <a:lnTo>
                    <a:pt x="0" y="263652"/>
                  </a:lnTo>
                  <a:lnTo>
                    <a:pt x="13716" y="263652"/>
                  </a:lnTo>
                  <a:lnTo>
                    <a:pt x="13716" y="318516"/>
                  </a:lnTo>
                  <a:close/>
                </a:path>
                <a:path w="10587355" h="325119">
                  <a:moveTo>
                    <a:pt x="13716" y="222504"/>
                  </a:moveTo>
                  <a:lnTo>
                    <a:pt x="0" y="222504"/>
                  </a:lnTo>
                  <a:lnTo>
                    <a:pt x="0" y="167640"/>
                  </a:lnTo>
                  <a:lnTo>
                    <a:pt x="13716" y="167640"/>
                  </a:lnTo>
                  <a:lnTo>
                    <a:pt x="13716" y="222504"/>
                  </a:lnTo>
                  <a:close/>
                </a:path>
                <a:path w="10587355" h="325119">
                  <a:moveTo>
                    <a:pt x="13716" y="126492"/>
                  </a:moveTo>
                  <a:lnTo>
                    <a:pt x="0" y="126492"/>
                  </a:lnTo>
                  <a:lnTo>
                    <a:pt x="0" y="71628"/>
                  </a:lnTo>
                  <a:lnTo>
                    <a:pt x="13716" y="71628"/>
                  </a:lnTo>
                  <a:lnTo>
                    <a:pt x="13716" y="126492"/>
                  </a:lnTo>
                  <a:close/>
                </a:path>
                <a:path w="10587355" h="325119">
                  <a:moveTo>
                    <a:pt x="13716" y="30480"/>
                  </a:moveTo>
                  <a:lnTo>
                    <a:pt x="0" y="30480"/>
                  </a:lnTo>
                  <a:lnTo>
                    <a:pt x="0" y="0"/>
                  </a:lnTo>
                  <a:lnTo>
                    <a:pt x="39624" y="0"/>
                  </a:lnTo>
                  <a:lnTo>
                    <a:pt x="39624" y="7620"/>
                  </a:lnTo>
                  <a:lnTo>
                    <a:pt x="13716" y="7620"/>
                  </a:lnTo>
                  <a:lnTo>
                    <a:pt x="7620" y="13716"/>
                  </a:lnTo>
                  <a:lnTo>
                    <a:pt x="13716" y="13716"/>
                  </a:lnTo>
                  <a:lnTo>
                    <a:pt x="13716" y="30480"/>
                  </a:lnTo>
                  <a:close/>
                </a:path>
                <a:path w="10587355" h="325119">
                  <a:moveTo>
                    <a:pt x="13716" y="13716"/>
                  </a:moveTo>
                  <a:lnTo>
                    <a:pt x="7620" y="13716"/>
                  </a:lnTo>
                  <a:lnTo>
                    <a:pt x="13716" y="7620"/>
                  </a:lnTo>
                  <a:lnTo>
                    <a:pt x="13716" y="13716"/>
                  </a:lnTo>
                  <a:close/>
                </a:path>
                <a:path w="10587355" h="325119">
                  <a:moveTo>
                    <a:pt x="39624" y="13716"/>
                  </a:moveTo>
                  <a:lnTo>
                    <a:pt x="13716" y="13716"/>
                  </a:lnTo>
                  <a:lnTo>
                    <a:pt x="13716" y="7620"/>
                  </a:lnTo>
                  <a:lnTo>
                    <a:pt x="39624" y="7620"/>
                  </a:lnTo>
                  <a:lnTo>
                    <a:pt x="39624" y="13716"/>
                  </a:lnTo>
                  <a:close/>
                </a:path>
                <a:path w="10587355" h="325119">
                  <a:moveTo>
                    <a:pt x="135636" y="13716"/>
                  </a:moveTo>
                  <a:lnTo>
                    <a:pt x="80772" y="13716"/>
                  </a:lnTo>
                  <a:lnTo>
                    <a:pt x="80772" y="0"/>
                  </a:lnTo>
                  <a:lnTo>
                    <a:pt x="135636" y="0"/>
                  </a:lnTo>
                  <a:lnTo>
                    <a:pt x="135636" y="13716"/>
                  </a:lnTo>
                  <a:close/>
                </a:path>
                <a:path w="10587355" h="325119">
                  <a:moveTo>
                    <a:pt x="231648" y="13716"/>
                  </a:moveTo>
                  <a:lnTo>
                    <a:pt x="176784" y="13716"/>
                  </a:lnTo>
                  <a:lnTo>
                    <a:pt x="176784" y="0"/>
                  </a:lnTo>
                  <a:lnTo>
                    <a:pt x="231648" y="0"/>
                  </a:lnTo>
                  <a:lnTo>
                    <a:pt x="231648" y="13716"/>
                  </a:lnTo>
                  <a:close/>
                </a:path>
                <a:path w="10587355" h="325119">
                  <a:moveTo>
                    <a:pt x="327660" y="13716"/>
                  </a:moveTo>
                  <a:lnTo>
                    <a:pt x="272796" y="13716"/>
                  </a:lnTo>
                  <a:lnTo>
                    <a:pt x="272796" y="0"/>
                  </a:lnTo>
                  <a:lnTo>
                    <a:pt x="327660" y="0"/>
                  </a:lnTo>
                  <a:lnTo>
                    <a:pt x="327660" y="13716"/>
                  </a:lnTo>
                  <a:close/>
                </a:path>
                <a:path w="10587355" h="325119">
                  <a:moveTo>
                    <a:pt x="423672" y="13716"/>
                  </a:moveTo>
                  <a:lnTo>
                    <a:pt x="368808" y="13716"/>
                  </a:lnTo>
                  <a:lnTo>
                    <a:pt x="368808" y="0"/>
                  </a:lnTo>
                  <a:lnTo>
                    <a:pt x="423672" y="0"/>
                  </a:lnTo>
                  <a:lnTo>
                    <a:pt x="423672" y="13716"/>
                  </a:lnTo>
                  <a:close/>
                </a:path>
                <a:path w="10587355" h="325119">
                  <a:moveTo>
                    <a:pt x="519684" y="13716"/>
                  </a:moveTo>
                  <a:lnTo>
                    <a:pt x="464820" y="13716"/>
                  </a:lnTo>
                  <a:lnTo>
                    <a:pt x="464820" y="0"/>
                  </a:lnTo>
                  <a:lnTo>
                    <a:pt x="519684" y="0"/>
                  </a:lnTo>
                  <a:lnTo>
                    <a:pt x="519684" y="13716"/>
                  </a:lnTo>
                  <a:close/>
                </a:path>
                <a:path w="10587355" h="325119">
                  <a:moveTo>
                    <a:pt x="615696" y="13716"/>
                  </a:moveTo>
                  <a:lnTo>
                    <a:pt x="560832" y="13716"/>
                  </a:lnTo>
                  <a:lnTo>
                    <a:pt x="560832" y="0"/>
                  </a:lnTo>
                  <a:lnTo>
                    <a:pt x="615696" y="0"/>
                  </a:lnTo>
                  <a:lnTo>
                    <a:pt x="615696" y="13716"/>
                  </a:lnTo>
                  <a:close/>
                </a:path>
                <a:path w="10587355" h="325119">
                  <a:moveTo>
                    <a:pt x="710184" y="13716"/>
                  </a:moveTo>
                  <a:lnTo>
                    <a:pt x="655320" y="13716"/>
                  </a:lnTo>
                  <a:lnTo>
                    <a:pt x="655320" y="0"/>
                  </a:lnTo>
                  <a:lnTo>
                    <a:pt x="710184" y="0"/>
                  </a:lnTo>
                  <a:lnTo>
                    <a:pt x="710184" y="13716"/>
                  </a:lnTo>
                  <a:close/>
                </a:path>
                <a:path w="10587355" h="325119">
                  <a:moveTo>
                    <a:pt x="806196" y="13716"/>
                  </a:moveTo>
                  <a:lnTo>
                    <a:pt x="751332" y="13716"/>
                  </a:lnTo>
                  <a:lnTo>
                    <a:pt x="751332" y="0"/>
                  </a:lnTo>
                  <a:lnTo>
                    <a:pt x="806196" y="0"/>
                  </a:lnTo>
                  <a:lnTo>
                    <a:pt x="806196" y="13716"/>
                  </a:lnTo>
                  <a:close/>
                </a:path>
                <a:path w="10587355" h="325119">
                  <a:moveTo>
                    <a:pt x="902208" y="13716"/>
                  </a:moveTo>
                  <a:lnTo>
                    <a:pt x="847344" y="13716"/>
                  </a:lnTo>
                  <a:lnTo>
                    <a:pt x="847344" y="0"/>
                  </a:lnTo>
                  <a:lnTo>
                    <a:pt x="902208" y="0"/>
                  </a:lnTo>
                  <a:lnTo>
                    <a:pt x="902208" y="13716"/>
                  </a:lnTo>
                  <a:close/>
                </a:path>
                <a:path w="10587355" h="325119">
                  <a:moveTo>
                    <a:pt x="998220" y="13716"/>
                  </a:moveTo>
                  <a:lnTo>
                    <a:pt x="943356" y="13716"/>
                  </a:lnTo>
                  <a:lnTo>
                    <a:pt x="943356" y="0"/>
                  </a:lnTo>
                  <a:lnTo>
                    <a:pt x="998220" y="0"/>
                  </a:lnTo>
                  <a:lnTo>
                    <a:pt x="998220" y="13716"/>
                  </a:lnTo>
                  <a:close/>
                </a:path>
                <a:path w="10587355" h="325119">
                  <a:moveTo>
                    <a:pt x="1094232" y="13716"/>
                  </a:moveTo>
                  <a:lnTo>
                    <a:pt x="1039368" y="13716"/>
                  </a:lnTo>
                  <a:lnTo>
                    <a:pt x="1039368" y="0"/>
                  </a:lnTo>
                  <a:lnTo>
                    <a:pt x="1094232" y="0"/>
                  </a:lnTo>
                  <a:lnTo>
                    <a:pt x="1094232" y="13716"/>
                  </a:lnTo>
                  <a:close/>
                </a:path>
                <a:path w="10587355" h="325119">
                  <a:moveTo>
                    <a:pt x="1190244" y="13716"/>
                  </a:moveTo>
                  <a:lnTo>
                    <a:pt x="1135380" y="13716"/>
                  </a:lnTo>
                  <a:lnTo>
                    <a:pt x="1135380" y="0"/>
                  </a:lnTo>
                  <a:lnTo>
                    <a:pt x="1190244" y="0"/>
                  </a:lnTo>
                  <a:lnTo>
                    <a:pt x="1190244" y="13716"/>
                  </a:lnTo>
                  <a:close/>
                </a:path>
                <a:path w="10587355" h="325119">
                  <a:moveTo>
                    <a:pt x="1286256" y="13716"/>
                  </a:moveTo>
                  <a:lnTo>
                    <a:pt x="1231392" y="13716"/>
                  </a:lnTo>
                  <a:lnTo>
                    <a:pt x="1231392" y="0"/>
                  </a:lnTo>
                  <a:lnTo>
                    <a:pt x="1286256" y="0"/>
                  </a:lnTo>
                  <a:lnTo>
                    <a:pt x="1286256" y="13716"/>
                  </a:lnTo>
                  <a:close/>
                </a:path>
                <a:path w="10587355" h="325119">
                  <a:moveTo>
                    <a:pt x="1382268" y="13716"/>
                  </a:moveTo>
                  <a:lnTo>
                    <a:pt x="1327404" y="13716"/>
                  </a:lnTo>
                  <a:lnTo>
                    <a:pt x="1327404" y="0"/>
                  </a:lnTo>
                  <a:lnTo>
                    <a:pt x="1382268" y="0"/>
                  </a:lnTo>
                  <a:lnTo>
                    <a:pt x="1382268" y="13716"/>
                  </a:lnTo>
                  <a:close/>
                </a:path>
                <a:path w="10587355" h="325119">
                  <a:moveTo>
                    <a:pt x="1478280" y="13716"/>
                  </a:moveTo>
                  <a:lnTo>
                    <a:pt x="1423416" y="13716"/>
                  </a:lnTo>
                  <a:lnTo>
                    <a:pt x="1423416" y="0"/>
                  </a:lnTo>
                  <a:lnTo>
                    <a:pt x="1478280" y="0"/>
                  </a:lnTo>
                  <a:lnTo>
                    <a:pt x="1478280" y="13716"/>
                  </a:lnTo>
                  <a:close/>
                </a:path>
                <a:path w="10587355" h="325119">
                  <a:moveTo>
                    <a:pt x="1574292" y="13716"/>
                  </a:moveTo>
                  <a:lnTo>
                    <a:pt x="1519428" y="13716"/>
                  </a:lnTo>
                  <a:lnTo>
                    <a:pt x="1519428" y="0"/>
                  </a:lnTo>
                  <a:lnTo>
                    <a:pt x="1574292" y="0"/>
                  </a:lnTo>
                  <a:lnTo>
                    <a:pt x="1574292" y="13716"/>
                  </a:lnTo>
                  <a:close/>
                </a:path>
                <a:path w="10587355" h="325119">
                  <a:moveTo>
                    <a:pt x="1670304" y="13716"/>
                  </a:moveTo>
                  <a:lnTo>
                    <a:pt x="1615440" y="13716"/>
                  </a:lnTo>
                  <a:lnTo>
                    <a:pt x="1615440" y="0"/>
                  </a:lnTo>
                  <a:lnTo>
                    <a:pt x="1670304" y="0"/>
                  </a:lnTo>
                  <a:lnTo>
                    <a:pt x="1670304" y="13716"/>
                  </a:lnTo>
                  <a:close/>
                </a:path>
                <a:path w="10587355" h="325119">
                  <a:moveTo>
                    <a:pt x="1766316" y="13716"/>
                  </a:moveTo>
                  <a:lnTo>
                    <a:pt x="1711452" y="13716"/>
                  </a:lnTo>
                  <a:lnTo>
                    <a:pt x="1711452" y="0"/>
                  </a:lnTo>
                  <a:lnTo>
                    <a:pt x="1766316" y="0"/>
                  </a:lnTo>
                  <a:lnTo>
                    <a:pt x="1766316" y="13716"/>
                  </a:lnTo>
                  <a:close/>
                </a:path>
                <a:path w="10587355" h="325119">
                  <a:moveTo>
                    <a:pt x="1862328" y="13716"/>
                  </a:moveTo>
                  <a:lnTo>
                    <a:pt x="1807464" y="13716"/>
                  </a:lnTo>
                  <a:lnTo>
                    <a:pt x="1807464" y="0"/>
                  </a:lnTo>
                  <a:lnTo>
                    <a:pt x="1862328" y="0"/>
                  </a:lnTo>
                  <a:lnTo>
                    <a:pt x="1862328" y="13716"/>
                  </a:lnTo>
                  <a:close/>
                </a:path>
                <a:path w="10587355" h="325119">
                  <a:moveTo>
                    <a:pt x="1958340" y="13716"/>
                  </a:moveTo>
                  <a:lnTo>
                    <a:pt x="1903476" y="13716"/>
                  </a:lnTo>
                  <a:lnTo>
                    <a:pt x="1903476" y="0"/>
                  </a:lnTo>
                  <a:lnTo>
                    <a:pt x="1958340" y="0"/>
                  </a:lnTo>
                  <a:lnTo>
                    <a:pt x="1958340" y="13716"/>
                  </a:lnTo>
                  <a:close/>
                </a:path>
                <a:path w="10587355" h="325119">
                  <a:moveTo>
                    <a:pt x="2054352" y="13716"/>
                  </a:moveTo>
                  <a:lnTo>
                    <a:pt x="1999488" y="13716"/>
                  </a:lnTo>
                  <a:lnTo>
                    <a:pt x="1999488" y="0"/>
                  </a:lnTo>
                  <a:lnTo>
                    <a:pt x="2054352" y="0"/>
                  </a:lnTo>
                  <a:lnTo>
                    <a:pt x="2054352" y="13716"/>
                  </a:lnTo>
                  <a:close/>
                </a:path>
                <a:path w="10587355" h="325119">
                  <a:moveTo>
                    <a:pt x="2150364" y="13716"/>
                  </a:moveTo>
                  <a:lnTo>
                    <a:pt x="2095500" y="13716"/>
                  </a:lnTo>
                  <a:lnTo>
                    <a:pt x="2095500" y="0"/>
                  </a:lnTo>
                  <a:lnTo>
                    <a:pt x="2150364" y="0"/>
                  </a:lnTo>
                  <a:lnTo>
                    <a:pt x="2150364" y="13716"/>
                  </a:lnTo>
                  <a:close/>
                </a:path>
                <a:path w="10587355" h="325119">
                  <a:moveTo>
                    <a:pt x="2246376" y="13716"/>
                  </a:moveTo>
                  <a:lnTo>
                    <a:pt x="2191512" y="13716"/>
                  </a:lnTo>
                  <a:lnTo>
                    <a:pt x="2191512" y="0"/>
                  </a:lnTo>
                  <a:lnTo>
                    <a:pt x="2246376" y="0"/>
                  </a:lnTo>
                  <a:lnTo>
                    <a:pt x="2246376" y="13716"/>
                  </a:lnTo>
                  <a:close/>
                </a:path>
                <a:path w="10587355" h="325119">
                  <a:moveTo>
                    <a:pt x="2342388" y="13716"/>
                  </a:moveTo>
                  <a:lnTo>
                    <a:pt x="2287524" y="13716"/>
                  </a:lnTo>
                  <a:lnTo>
                    <a:pt x="2287524" y="0"/>
                  </a:lnTo>
                  <a:lnTo>
                    <a:pt x="2342388" y="0"/>
                  </a:lnTo>
                  <a:lnTo>
                    <a:pt x="2342388" y="13716"/>
                  </a:lnTo>
                  <a:close/>
                </a:path>
                <a:path w="10587355" h="325119">
                  <a:moveTo>
                    <a:pt x="2438400" y="13716"/>
                  </a:moveTo>
                  <a:lnTo>
                    <a:pt x="2383536" y="13716"/>
                  </a:lnTo>
                  <a:lnTo>
                    <a:pt x="2383536" y="0"/>
                  </a:lnTo>
                  <a:lnTo>
                    <a:pt x="2438400" y="0"/>
                  </a:lnTo>
                  <a:lnTo>
                    <a:pt x="2438400" y="13716"/>
                  </a:lnTo>
                  <a:close/>
                </a:path>
                <a:path w="10587355" h="325119">
                  <a:moveTo>
                    <a:pt x="2534412" y="13716"/>
                  </a:moveTo>
                  <a:lnTo>
                    <a:pt x="2479548" y="13716"/>
                  </a:lnTo>
                  <a:lnTo>
                    <a:pt x="2479548" y="0"/>
                  </a:lnTo>
                  <a:lnTo>
                    <a:pt x="2534412" y="0"/>
                  </a:lnTo>
                  <a:lnTo>
                    <a:pt x="2534412" y="13716"/>
                  </a:lnTo>
                  <a:close/>
                </a:path>
                <a:path w="10587355" h="325119">
                  <a:moveTo>
                    <a:pt x="2630424" y="13716"/>
                  </a:moveTo>
                  <a:lnTo>
                    <a:pt x="2575560" y="13716"/>
                  </a:lnTo>
                  <a:lnTo>
                    <a:pt x="2575560" y="0"/>
                  </a:lnTo>
                  <a:lnTo>
                    <a:pt x="2630424" y="0"/>
                  </a:lnTo>
                  <a:lnTo>
                    <a:pt x="2630424" y="13716"/>
                  </a:lnTo>
                  <a:close/>
                </a:path>
                <a:path w="10587355" h="325119">
                  <a:moveTo>
                    <a:pt x="2726436" y="13716"/>
                  </a:moveTo>
                  <a:lnTo>
                    <a:pt x="2671572" y="13716"/>
                  </a:lnTo>
                  <a:lnTo>
                    <a:pt x="2671572" y="0"/>
                  </a:lnTo>
                  <a:lnTo>
                    <a:pt x="2726436" y="0"/>
                  </a:lnTo>
                  <a:lnTo>
                    <a:pt x="2726436" y="13716"/>
                  </a:lnTo>
                  <a:close/>
                </a:path>
                <a:path w="10587355" h="325119">
                  <a:moveTo>
                    <a:pt x="2822448" y="13716"/>
                  </a:moveTo>
                  <a:lnTo>
                    <a:pt x="2767584" y="13716"/>
                  </a:lnTo>
                  <a:lnTo>
                    <a:pt x="2767584" y="0"/>
                  </a:lnTo>
                  <a:lnTo>
                    <a:pt x="2822448" y="0"/>
                  </a:lnTo>
                  <a:lnTo>
                    <a:pt x="2822448" y="13716"/>
                  </a:lnTo>
                  <a:close/>
                </a:path>
                <a:path w="10587355" h="325119">
                  <a:moveTo>
                    <a:pt x="2918460" y="13716"/>
                  </a:moveTo>
                  <a:lnTo>
                    <a:pt x="2863596" y="13716"/>
                  </a:lnTo>
                  <a:lnTo>
                    <a:pt x="2863596" y="0"/>
                  </a:lnTo>
                  <a:lnTo>
                    <a:pt x="2918460" y="0"/>
                  </a:lnTo>
                  <a:lnTo>
                    <a:pt x="2918460" y="13716"/>
                  </a:lnTo>
                  <a:close/>
                </a:path>
                <a:path w="10587355" h="325119">
                  <a:moveTo>
                    <a:pt x="3014472" y="13716"/>
                  </a:moveTo>
                  <a:lnTo>
                    <a:pt x="2959608" y="13716"/>
                  </a:lnTo>
                  <a:lnTo>
                    <a:pt x="2959608" y="0"/>
                  </a:lnTo>
                  <a:lnTo>
                    <a:pt x="3014472" y="0"/>
                  </a:lnTo>
                  <a:lnTo>
                    <a:pt x="3014472" y="13716"/>
                  </a:lnTo>
                  <a:close/>
                </a:path>
                <a:path w="10587355" h="325119">
                  <a:moveTo>
                    <a:pt x="3108960" y="13716"/>
                  </a:moveTo>
                  <a:lnTo>
                    <a:pt x="3055620" y="13716"/>
                  </a:lnTo>
                  <a:lnTo>
                    <a:pt x="3055620" y="0"/>
                  </a:lnTo>
                  <a:lnTo>
                    <a:pt x="3108960" y="0"/>
                  </a:lnTo>
                  <a:lnTo>
                    <a:pt x="3108960" y="13716"/>
                  </a:lnTo>
                  <a:close/>
                </a:path>
                <a:path w="10587355" h="325119">
                  <a:moveTo>
                    <a:pt x="3204972" y="13716"/>
                  </a:moveTo>
                  <a:lnTo>
                    <a:pt x="3150108" y="13716"/>
                  </a:lnTo>
                  <a:lnTo>
                    <a:pt x="3150108" y="0"/>
                  </a:lnTo>
                  <a:lnTo>
                    <a:pt x="3204972" y="0"/>
                  </a:lnTo>
                  <a:lnTo>
                    <a:pt x="3204972" y="13716"/>
                  </a:lnTo>
                  <a:close/>
                </a:path>
                <a:path w="10587355" h="325119">
                  <a:moveTo>
                    <a:pt x="3300984" y="13716"/>
                  </a:moveTo>
                  <a:lnTo>
                    <a:pt x="3246120" y="13716"/>
                  </a:lnTo>
                  <a:lnTo>
                    <a:pt x="3246120" y="0"/>
                  </a:lnTo>
                  <a:lnTo>
                    <a:pt x="3300984" y="0"/>
                  </a:lnTo>
                  <a:lnTo>
                    <a:pt x="3300984" y="13716"/>
                  </a:lnTo>
                  <a:close/>
                </a:path>
                <a:path w="10587355" h="325119">
                  <a:moveTo>
                    <a:pt x="3396996" y="13716"/>
                  </a:moveTo>
                  <a:lnTo>
                    <a:pt x="3342132" y="13716"/>
                  </a:lnTo>
                  <a:lnTo>
                    <a:pt x="3342132" y="0"/>
                  </a:lnTo>
                  <a:lnTo>
                    <a:pt x="3396996" y="0"/>
                  </a:lnTo>
                  <a:lnTo>
                    <a:pt x="3396996" y="13716"/>
                  </a:lnTo>
                  <a:close/>
                </a:path>
                <a:path w="10587355" h="325119">
                  <a:moveTo>
                    <a:pt x="3493008" y="13716"/>
                  </a:moveTo>
                  <a:lnTo>
                    <a:pt x="3438144" y="13716"/>
                  </a:lnTo>
                  <a:lnTo>
                    <a:pt x="3438144" y="0"/>
                  </a:lnTo>
                  <a:lnTo>
                    <a:pt x="3493008" y="0"/>
                  </a:lnTo>
                  <a:lnTo>
                    <a:pt x="3493008" y="13716"/>
                  </a:lnTo>
                  <a:close/>
                </a:path>
                <a:path w="10587355" h="325119">
                  <a:moveTo>
                    <a:pt x="3589020" y="13716"/>
                  </a:moveTo>
                  <a:lnTo>
                    <a:pt x="3534156" y="13716"/>
                  </a:lnTo>
                  <a:lnTo>
                    <a:pt x="3534156" y="0"/>
                  </a:lnTo>
                  <a:lnTo>
                    <a:pt x="3589020" y="0"/>
                  </a:lnTo>
                  <a:lnTo>
                    <a:pt x="3589020" y="13716"/>
                  </a:lnTo>
                  <a:close/>
                </a:path>
                <a:path w="10587355" h="325119">
                  <a:moveTo>
                    <a:pt x="3685032" y="13716"/>
                  </a:moveTo>
                  <a:lnTo>
                    <a:pt x="3630168" y="13716"/>
                  </a:lnTo>
                  <a:lnTo>
                    <a:pt x="3630168" y="0"/>
                  </a:lnTo>
                  <a:lnTo>
                    <a:pt x="3685032" y="0"/>
                  </a:lnTo>
                  <a:lnTo>
                    <a:pt x="3685032" y="13716"/>
                  </a:lnTo>
                  <a:close/>
                </a:path>
                <a:path w="10587355" h="325119">
                  <a:moveTo>
                    <a:pt x="3781044" y="13716"/>
                  </a:moveTo>
                  <a:lnTo>
                    <a:pt x="3726180" y="13716"/>
                  </a:lnTo>
                  <a:lnTo>
                    <a:pt x="3726180" y="0"/>
                  </a:lnTo>
                  <a:lnTo>
                    <a:pt x="3781044" y="0"/>
                  </a:lnTo>
                  <a:lnTo>
                    <a:pt x="3781044" y="13716"/>
                  </a:lnTo>
                  <a:close/>
                </a:path>
                <a:path w="10587355" h="325119">
                  <a:moveTo>
                    <a:pt x="3877056" y="13716"/>
                  </a:moveTo>
                  <a:lnTo>
                    <a:pt x="3822192" y="13716"/>
                  </a:lnTo>
                  <a:lnTo>
                    <a:pt x="3822192" y="0"/>
                  </a:lnTo>
                  <a:lnTo>
                    <a:pt x="3877056" y="0"/>
                  </a:lnTo>
                  <a:lnTo>
                    <a:pt x="3877056" y="13716"/>
                  </a:lnTo>
                  <a:close/>
                </a:path>
                <a:path w="10587355" h="325119">
                  <a:moveTo>
                    <a:pt x="3973068" y="13716"/>
                  </a:moveTo>
                  <a:lnTo>
                    <a:pt x="3918204" y="13716"/>
                  </a:lnTo>
                  <a:lnTo>
                    <a:pt x="3918204" y="0"/>
                  </a:lnTo>
                  <a:lnTo>
                    <a:pt x="3973068" y="0"/>
                  </a:lnTo>
                  <a:lnTo>
                    <a:pt x="3973068" y="13716"/>
                  </a:lnTo>
                  <a:close/>
                </a:path>
                <a:path w="10587355" h="325119">
                  <a:moveTo>
                    <a:pt x="4069080" y="13716"/>
                  </a:moveTo>
                  <a:lnTo>
                    <a:pt x="4014216" y="13716"/>
                  </a:lnTo>
                  <a:lnTo>
                    <a:pt x="4014216" y="0"/>
                  </a:lnTo>
                  <a:lnTo>
                    <a:pt x="4069080" y="0"/>
                  </a:lnTo>
                  <a:lnTo>
                    <a:pt x="4069080" y="13716"/>
                  </a:lnTo>
                  <a:close/>
                </a:path>
                <a:path w="10587355" h="325119">
                  <a:moveTo>
                    <a:pt x="4165092" y="13716"/>
                  </a:moveTo>
                  <a:lnTo>
                    <a:pt x="4110228" y="13716"/>
                  </a:lnTo>
                  <a:lnTo>
                    <a:pt x="4110228" y="0"/>
                  </a:lnTo>
                  <a:lnTo>
                    <a:pt x="4165092" y="0"/>
                  </a:lnTo>
                  <a:lnTo>
                    <a:pt x="4165092" y="13716"/>
                  </a:lnTo>
                  <a:close/>
                </a:path>
                <a:path w="10587355" h="325119">
                  <a:moveTo>
                    <a:pt x="4261104" y="13716"/>
                  </a:moveTo>
                  <a:lnTo>
                    <a:pt x="4206240" y="13716"/>
                  </a:lnTo>
                  <a:lnTo>
                    <a:pt x="4206240" y="0"/>
                  </a:lnTo>
                  <a:lnTo>
                    <a:pt x="4261104" y="0"/>
                  </a:lnTo>
                  <a:lnTo>
                    <a:pt x="4261104" y="13716"/>
                  </a:lnTo>
                  <a:close/>
                </a:path>
                <a:path w="10587355" h="325119">
                  <a:moveTo>
                    <a:pt x="4357116" y="13716"/>
                  </a:moveTo>
                  <a:lnTo>
                    <a:pt x="4302252" y="13716"/>
                  </a:lnTo>
                  <a:lnTo>
                    <a:pt x="4302252" y="0"/>
                  </a:lnTo>
                  <a:lnTo>
                    <a:pt x="4357116" y="0"/>
                  </a:lnTo>
                  <a:lnTo>
                    <a:pt x="4357116" y="13716"/>
                  </a:lnTo>
                  <a:close/>
                </a:path>
                <a:path w="10587355" h="325119">
                  <a:moveTo>
                    <a:pt x="4453128" y="13716"/>
                  </a:moveTo>
                  <a:lnTo>
                    <a:pt x="4398264" y="13716"/>
                  </a:lnTo>
                  <a:lnTo>
                    <a:pt x="4398264" y="0"/>
                  </a:lnTo>
                  <a:lnTo>
                    <a:pt x="4453128" y="0"/>
                  </a:lnTo>
                  <a:lnTo>
                    <a:pt x="4453128" y="13716"/>
                  </a:lnTo>
                  <a:close/>
                </a:path>
                <a:path w="10587355" h="325119">
                  <a:moveTo>
                    <a:pt x="4549140" y="13716"/>
                  </a:moveTo>
                  <a:lnTo>
                    <a:pt x="4494276" y="13716"/>
                  </a:lnTo>
                  <a:lnTo>
                    <a:pt x="4494276" y="0"/>
                  </a:lnTo>
                  <a:lnTo>
                    <a:pt x="4549140" y="0"/>
                  </a:lnTo>
                  <a:lnTo>
                    <a:pt x="4549140" y="13716"/>
                  </a:lnTo>
                  <a:close/>
                </a:path>
                <a:path w="10587355" h="325119">
                  <a:moveTo>
                    <a:pt x="4645152" y="13716"/>
                  </a:moveTo>
                  <a:lnTo>
                    <a:pt x="4590288" y="13716"/>
                  </a:lnTo>
                  <a:lnTo>
                    <a:pt x="4590288" y="0"/>
                  </a:lnTo>
                  <a:lnTo>
                    <a:pt x="4645152" y="0"/>
                  </a:lnTo>
                  <a:lnTo>
                    <a:pt x="4645152" y="13716"/>
                  </a:lnTo>
                  <a:close/>
                </a:path>
                <a:path w="10587355" h="325119">
                  <a:moveTo>
                    <a:pt x="4741164" y="13716"/>
                  </a:moveTo>
                  <a:lnTo>
                    <a:pt x="4686300" y="13716"/>
                  </a:lnTo>
                  <a:lnTo>
                    <a:pt x="4686300" y="0"/>
                  </a:lnTo>
                  <a:lnTo>
                    <a:pt x="4741164" y="0"/>
                  </a:lnTo>
                  <a:lnTo>
                    <a:pt x="4741164" y="13716"/>
                  </a:lnTo>
                  <a:close/>
                </a:path>
                <a:path w="10587355" h="325119">
                  <a:moveTo>
                    <a:pt x="4837176" y="13716"/>
                  </a:moveTo>
                  <a:lnTo>
                    <a:pt x="4782312" y="13716"/>
                  </a:lnTo>
                  <a:lnTo>
                    <a:pt x="4782312" y="0"/>
                  </a:lnTo>
                  <a:lnTo>
                    <a:pt x="4837176" y="0"/>
                  </a:lnTo>
                  <a:lnTo>
                    <a:pt x="4837176" y="13716"/>
                  </a:lnTo>
                  <a:close/>
                </a:path>
                <a:path w="10587355" h="325119">
                  <a:moveTo>
                    <a:pt x="4933188" y="13716"/>
                  </a:moveTo>
                  <a:lnTo>
                    <a:pt x="4878324" y="13716"/>
                  </a:lnTo>
                  <a:lnTo>
                    <a:pt x="4878324" y="0"/>
                  </a:lnTo>
                  <a:lnTo>
                    <a:pt x="4933188" y="0"/>
                  </a:lnTo>
                  <a:lnTo>
                    <a:pt x="4933188" y="13716"/>
                  </a:lnTo>
                  <a:close/>
                </a:path>
                <a:path w="10587355" h="325119">
                  <a:moveTo>
                    <a:pt x="5029200" y="13716"/>
                  </a:moveTo>
                  <a:lnTo>
                    <a:pt x="4974336" y="13716"/>
                  </a:lnTo>
                  <a:lnTo>
                    <a:pt x="4974336" y="0"/>
                  </a:lnTo>
                  <a:lnTo>
                    <a:pt x="5029200" y="0"/>
                  </a:lnTo>
                  <a:lnTo>
                    <a:pt x="5029200" y="13716"/>
                  </a:lnTo>
                  <a:close/>
                </a:path>
                <a:path w="10587355" h="325119">
                  <a:moveTo>
                    <a:pt x="5125212" y="13716"/>
                  </a:moveTo>
                  <a:lnTo>
                    <a:pt x="5070348" y="13716"/>
                  </a:lnTo>
                  <a:lnTo>
                    <a:pt x="5070348" y="0"/>
                  </a:lnTo>
                  <a:lnTo>
                    <a:pt x="5125212" y="0"/>
                  </a:lnTo>
                  <a:lnTo>
                    <a:pt x="5125212" y="13716"/>
                  </a:lnTo>
                  <a:close/>
                </a:path>
                <a:path w="10587355" h="325119">
                  <a:moveTo>
                    <a:pt x="5221224" y="13716"/>
                  </a:moveTo>
                  <a:lnTo>
                    <a:pt x="5166360" y="13716"/>
                  </a:lnTo>
                  <a:lnTo>
                    <a:pt x="5166360" y="0"/>
                  </a:lnTo>
                  <a:lnTo>
                    <a:pt x="5221224" y="0"/>
                  </a:lnTo>
                  <a:lnTo>
                    <a:pt x="5221224" y="13716"/>
                  </a:lnTo>
                  <a:close/>
                </a:path>
                <a:path w="10587355" h="325119">
                  <a:moveTo>
                    <a:pt x="5317236" y="13716"/>
                  </a:moveTo>
                  <a:lnTo>
                    <a:pt x="5262372" y="13716"/>
                  </a:lnTo>
                  <a:lnTo>
                    <a:pt x="5262372" y="0"/>
                  </a:lnTo>
                  <a:lnTo>
                    <a:pt x="5317236" y="0"/>
                  </a:lnTo>
                  <a:lnTo>
                    <a:pt x="5317236" y="13716"/>
                  </a:lnTo>
                  <a:close/>
                </a:path>
                <a:path w="10587355" h="325119">
                  <a:moveTo>
                    <a:pt x="5413248" y="13716"/>
                  </a:moveTo>
                  <a:lnTo>
                    <a:pt x="5358384" y="13716"/>
                  </a:lnTo>
                  <a:lnTo>
                    <a:pt x="5358384" y="0"/>
                  </a:lnTo>
                  <a:lnTo>
                    <a:pt x="5413248" y="0"/>
                  </a:lnTo>
                  <a:lnTo>
                    <a:pt x="5413248" y="13716"/>
                  </a:lnTo>
                  <a:close/>
                </a:path>
                <a:path w="10587355" h="325119">
                  <a:moveTo>
                    <a:pt x="5509260" y="13716"/>
                  </a:moveTo>
                  <a:lnTo>
                    <a:pt x="5454396" y="13716"/>
                  </a:lnTo>
                  <a:lnTo>
                    <a:pt x="5454396" y="0"/>
                  </a:lnTo>
                  <a:lnTo>
                    <a:pt x="5509260" y="0"/>
                  </a:lnTo>
                  <a:lnTo>
                    <a:pt x="5509260" y="13716"/>
                  </a:lnTo>
                  <a:close/>
                </a:path>
                <a:path w="10587355" h="325119">
                  <a:moveTo>
                    <a:pt x="5603748" y="13716"/>
                  </a:moveTo>
                  <a:lnTo>
                    <a:pt x="5548884" y="13716"/>
                  </a:lnTo>
                  <a:lnTo>
                    <a:pt x="5548884" y="0"/>
                  </a:lnTo>
                  <a:lnTo>
                    <a:pt x="5603748" y="0"/>
                  </a:lnTo>
                  <a:lnTo>
                    <a:pt x="5603748" y="13716"/>
                  </a:lnTo>
                  <a:close/>
                </a:path>
                <a:path w="10587355" h="325119">
                  <a:moveTo>
                    <a:pt x="5699760" y="13716"/>
                  </a:moveTo>
                  <a:lnTo>
                    <a:pt x="5644896" y="13716"/>
                  </a:lnTo>
                  <a:lnTo>
                    <a:pt x="5644896" y="0"/>
                  </a:lnTo>
                  <a:lnTo>
                    <a:pt x="5699760" y="0"/>
                  </a:lnTo>
                  <a:lnTo>
                    <a:pt x="5699760" y="13716"/>
                  </a:lnTo>
                  <a:close/>
                </a:path>
                <a:path w="10587355" h="325119">
                  <a:moveTo>
                    <a:pt x="5795772" y="13716"/>
                  </a:moveTo>
                  <a:lnTo>
                    <a:pt x="5740908" y="13716"/>
                  </a:lnTo>
                  <a:lnTo>
                    <a:pt x="5740908" y="0"/>
                  </a:lnTo>
                  <a:lnTo>
                    <a:pt x="5795772" y="0"/>
                  </a:lnTo>
                  <a:lnTo>
                    <a:pt x="5795772" y="13716"/>
                  </a:lnTo>
                  <a:close/>
                </a:path>
                <a:path w="10587355" h="325119">
                  <a:moveTo>
                    <a:pt x="5891784" y="13716"/>
                  </a:moveTo>
                  <a:lnTo>
                    <a:pt x="5836920" y="13716"/>
                  </a:lnTo>
                  <a:lnTo>
                    <a:pt x="5836920" y="0"/>
                  </a:lnTo>
                  <a:lnTo>
                    <a:pt x="5891784" y="0"/>
                  </a:lnTo>
                  <a:lnTo>
                    <a:pt x="5891784" y="13716"/>
                  </a:lnTo>
                  <a:close/>
                </a:path>
                <a:path w="10587355" h="325119">
                  <a:moveTo>
                    <a:pt x="5987796" y="13716"/>
                  </a:moveTo>
                  <a:lnTo>
                    <a:pt x="5932932" y="13716"/>
                  </a:lnTo>
                  <a:lnTo>
                    <a:pt x="5932932" y="0"/>
                  </a:lnTo>
                  <a:lnTo>
                    <a:pt x="5987796" y="0"/>
                  </a:lnTo>
                  <a:lnTo>
                    <a:pt x="5987796" y="13716"/>
                  </a:lnTo>
                  <a:close/>
                </a:path>
                <a:path w="10587355" h="325119">
                  <a:moveTo>
                    <a:pt x="6083808" y="13716"/>
                  </a:moveTo>
                  <a:lnTo>
                    <a:pt x="6028944" y="13716"/>
                  </a:lnTo>
                  <a:lnTo>
                    <a:pt x="6028944" y="0"/>
                  </a:lnTo>
                  <a:lnTo>
                    <a:pt x="6083808" y="0"/>
                  </a:lnTo>
                  <a:lnTo>
                    <a:pt x="6083808" y="13716"/>
                  </a:lnTo>
                  <a:close/>
                </a:path>
                <a:path w="10587355" h="325119">
                  <a:moveTo>
                    <a:pt x="6179820" y="13716"/>
                  </a:moveTo>
                  <a:lnTo>
                    <a:pt x="6124956" y="13716"/>
                  </a:lnTo>
                  <a:lnTo>
                    <a:pt x="6124956" y="0"/>
                  </a:lnTo>
                  <a:lnTo>
                    <a:pt x="6179820" y="0"/>
                  </a:lnTo>
                  <a:lnTo>
                    <a:pt x="6179820" y="13716"/>
                  </a:lnTo>
                  <a:close/>
                </a:path>
                <a:path w="10587355" h="325119">
                  <a:moveTo>
                    <a:pt x="6275832" y="13716"/>
                  </a:moveTo>
                  <a:lnTo>
                    <a:pt x="6220968" y="13716"/>
                  </a:lnTo>
                  <a:lnTo>
                    <a:pt x="6220968" y="0"/>
                  </a:lnTo>
                  <a:lnTo>
                    <a:pt x="6275832" y="0"/>
                  </a:lnTo>
                  <a:lnTo>
                    <a:pt x="6275832" y="13716"/>
                  </a:lnTo>
                  <a:close/>
                </a:path>
                <a:path w="10587355" h="325119">
                  <a:moveTo>
                    <a:pt x="6371844" y="13716"/>
                  </a:moveTo>
                  <a:lnTo>
                    <a:pt x="6316980" y="13716"/>
                  </a:lnTo>
                  <a:lnTo>
                    <a:pt x="6316980" y="0"/>
                  </a:lnTo>
                  <a:lnTo>
                    <a:pt x="6371844" y="0"/>
                  </a:lnTo>
                  <a:lnTo>
                    <a:pt x="6371844" y="13716"/>
                  </a:lnTo>
                  <a:close/>
                </a:path>
                <a:path w="10587355" h="325119">
                  <a:moveTo>
                    <a:pt x="6467856" y="13716"/>
                  </a:moveTo>
                  <a:lnTo>
                    <a:pt x="6412992" y="13716"/>
                  </a:lnTo>
                  <a:lnTo>
                    <a:pt x="6412992" y="0"/>
                  </a:lnTo>
                  <a:lnTo>
                    <a:pt x="6467856" y="0"/>
                  </a:lnTo>
                  <a:lnTo>
                    <a:pt x="6467856" y="13716"/>
                  </a:lnTo>
                  <a:close/>
                </a:path>
                <a:path w="10587355" h="325119">
                  <a:moveTo>
                    <a:pt x="6563868" y="13716"/>
                  </a:moveTo>
                  <a:lnTo>
                    <a:pt x="6509004" y="13716"/>
                  </a:lnTo>
                  <a:lnTo>
                    <a:pt x="6509004" y="0"/>
                  </a:lnTo>
                  <a:lnTo>
                    <a:pt x="6563868" y="0"/>
                  </a:lnTo>
                  <a:lnTo>
                    <a:pt x="6563868" y="13716"/>
                  </a:lnTo>
                  <a:close/>
                </a:path>
                <a:path w="10587355" h="325119">
                  <a:moveTo>
                    <a:pt x="6659880" y="13716"/>
                  </a:moveTo>
                  <a:lnTo>
                    <a:pt x="6605016" y="13716"/>
                  </a:lnTo>
                  <a:lnTo>
                    <a:pt x="6605016" y="0"/>
                  </a:lnTo>
                  <a:lnTo>
                    <a:pt x="6659880" y="0"/>
                  </a:lnTo>
                  <a:lnTo>
                    <a:pt x="6659880" y="13716"/>
                  </a:lnTo>
                  <a:close/>
                </a:path>
                <a:path w="10587355" h="325119">
                  <a:moveTo>
                    <a:pt x="6755892" y="13716"/>
                  </a:moveTo>
                  <a:lnTo>
                    <a:pt x="6701028" y="13716"/>
                  </a:lnTo>
                  <a:lnTo>
                    <a:pt x="6701028" y="0"/>
                  </a:lnTo>
                  <a:lnTo>
                    <a:pt x="6755892" y="0"/>
                  </a:lnTo>
                  <a:lnTo>
                    <a:pt x="6755892" y="13716"/>
                  </a:lnTo>
                  <a:close/>
                </a:path>
                <a:path w="10587355" h="325119">
                  <a:moveTo>
                    <a:pt x="6851904" y="13716"/>
                  </a:moveTo>
                  <a:lnTo>
                    <a:pt x="6797040" y="13716"/>
                  </a:lnTo>
                  <a:lnTo>
                    <a:pt x="6797040" y="0"/>
                  </a:lnTo>
                  <a:lnTo>
                    <a:pt x="6851904" y="0"/>
                  </a:lnTo>
                  <a:lnTo>
                    <a:pt x="6851904" y="13716"/>
                  </a:lnTo>
                  <a:close/>
                </a:path>
                <a:path w="10587355" h="325119">
                  <a:moveTo>
                    <a:pt x="6947916" y="13716"/>
                  </a:moveTo>
                  <a:lnTo>
                    <a:pt x="6893052" y="13716"/>
                  </a:lnTo>
                  <a:lnTo>
                    <a:pt x="6893052" y="0"/>
                  </a:lnTo>
                  <a:lnTo>
                    <a:pt x="6947916" y="0"/>
                  </a:lnTo>
                  <a:lnTo>
                    <a:pt x="6947916" y="13716"/>
                  </a:lnTo>
                  <a:close/>
                </a:path>
                <a:path w="10587355" h="325119">
                  <a:moveTo>
                    <a:pt x="7043928" y="13716"/>
                  </a:moveTo>
                  <a:lnTo>
                    <a:pt x="6989064" y="13716"/>
                  </a:lnTo>
                  <a:lnTo>
                    <a:pt x="6989064" y="0"/>
                  </a:lnTo>
                  <a:lnTo>
                    <a:pt x="7043928" y="0"/>
                  </a:lnTo>
                  <a:lnTo>
                    <a:pt x="7043928" y="13716"/>
                  </a:lnTo>
                  <a:close/>
                </a:path>
                <a:path w="10587355" h="325119">
                  <a:moveTo>
                    <a:pt x="7139940" y="13716"/>
                  </a:moveTo>
                  <a:lnTo>
                    <a:pt x="7085076" y="13716"/>
                  </a:lnTo>
                  <a:lnTo>
                    <a:pt x="7085076" y="0"/>
                  </a:lnTo>
                  <a:lnTo>
                    <a:pt x="7139940" y="0"/>
                  </a:lnTo>
                  <a:lnTo>
                    <a:pt x="7139940" y="13716"/>
                  </a:lnTo>
                  <a:close/>
                </a:path>
                <a:path w="10587355" h="325119">
                  <a:moveTo>
                    <a:pt x="7235952" y="13716"/>
                  </a:moveTo>
                  <a:lnTo>
                    <a:pt x="7181088" y="13716"/>
                  </a:lnTo>
                  <a:lnTo>
                    <a:pt x="7181088" y="0"/>
                  </a:lnTo>
                  <a:lnTo>
                    <a:pt x="7235952" y="0"/>
                  </a:lnTo>
                  <a:lnTo>
                    <a:pt x="7235952" y="13716"/>
                  </a:lnTo>
                  <a:close/>
                </a:path>
                <a:path w="10587355" h="325119">
                  <a:moveTo>
                    <a:pt x="7331964" y="13716"/>
                  </a:moveTo>
                  <a:lnTo>
                    <a:pt x="7277100" y="13716"/>
                  </a:lnTo>
                  <a:lnTo>
                    <a:pt x="7277100" y="0"/>
                  </a:lnTo>
                  <a:lnTo>
                    <a:pt x="7331964" y="0"/>
                  </a:lnTo>
                  <a:lnTo>
                    <a:pt x="7331964" y="13716"/>
                  </a:lnTo>
                  <a:close/>
                </a:path>
                <a:path w="10587355" h="325119">
                  <a:moveTo>
                    <a:pt x="7427976" y="13716"/>
                  </a:moveTo>
                  <a:lnTo>
                    <a:pt x="7373112" y="13716"/>
                  </a:lnTo>
                  <a:lnTo>
                    <a:pt x="7373112" y="0"/>
                  </a:lnTo>
                  <a:lnTo>
                    <a:pt x="7427976" y="0"/>
                  </a:lnTo>
                  <a:lnTo>
                    <a:pt x="7427976" y="13716"/>
                  </a:lnTo>
                  <a:close/>
                </a:path>
                <a:path w="10587355" h="325119">
                  <a:moveTo>
                    <a:pt x="7523988" y="13716"/>
                  </a:moveTo>
                  <a:lnTo>
                    <a:pt x="7469124" y="13716"/>
                  </a:lnTo>
                  <a:lnTo>
                    <a:pt x="7469124" y="0"/>
                  </a:lnTo>
                  <a:lnTo>
                    <a:pt x="7523988" y="0"/>
                  </a:lnTo>
                  <a:lnTo>
                    <a:pt x="7523988" y="13716"/>
                  </a:lnTo>
                  <a:close/>
                </a:path>
                <a:path w="10587355" h="325119">
                  <a:moveTo>
                    <a:pt x="7620000" y="13716"/>
                  </a:moveTo>
                  <a:lnTo>
                    <a:pt x="7565136" y="13716"/>
                  </a:lnTo>
                  <a:lnTo>
                    <a:pt x="7565136" y="0"/>
                  </a:lnTo>
                  <a:lnTo>
                    <a:pt x="7620000" y="0"/>
                  </a:lnTo>
                  <a:lnTo>
                    <a:pt x="7620000" y="13716"/>
                  </a:lnTo>
                  <a:close/>
                </a:path>
                <a:path w="10587355" h="325119">
                  <a:moveTo>
                    <a:pt x="7716012" y="13716"/>
                  </a:moveTo>
                  <a:lnTo>
                    <a:pt x="7661148" y="13716"/>
                  </a:lnTo>
                  <a:lnTo>
                    <a:pt x="7661148" y="0"/>
                  </a:lnTo>
                  <a:lnTo>
                    <a:pt x="7716012" y="0"/>
                  </a:lnTo>
                  <a:lnTo>
                    <a:pt x="7716012" y="13716"/>
                  </a:lnTo>
                  <a:close/>
                </a:path>
                <a:path w="10587355" h="325119">
                  <a:moveTo>
                    <a:pt x="7812024" y="13716"/>
                  </a:moveTo>
                  <a:lnTo>
                    <a:pt x="7757160" y="13716"/>
                  </a:lnTo>
                  <a:lnTo>
                    <a:pt x="7757160" y="0"/>
                  </a:lnTo>
                  <a:lnTo>
                    <a:pt x="7812024" y="0"/>
                  </a:lnTo>
                  <a:lnTo>
                    <a:pt x="7812024" y="13716"/>
                  </a:lnTo>
                  <a:close/>
                </a:path>
                <a:path w="10587355" h="325119">
                  <a:moveTo>
                    <a:pt x="7908036" y="13716"/>
                  </a:moveTo>
                  <a:lnTo>
                    <a:pt x="7853172" y="13716"/>
                  </a:lnTo>
                  <a:lnTo>
                    <a:pt x="7853172" y="0"/>
                  </a:lnTo>
                  <a:lnTo>
                    <a:pt x="7908036" y="0"/>
                  </a:lnTo>
                  <a:lnTo>
                    <a:pt x="7908036" y="13716"/>
                  </a:lnTo>
                  <a:close/>
                </a:path>
                <a:path w="10587355" h="325119">
                  <a:moveTo>
                    <a:pt x="8002524" y="13716"/>
                  </a:moveTo>
                  <a:lnTo>
                    <a:pt x="7949184" y="13716"/>
                  </a:lnTo>
                  <a:lnTo>
                    <a:pt x="7949184" y="0"/>
                  </a:lnTo>
                  <a:lnTo>
                    <a:pt x="8002524" y="0"/>
                  </a:lnTo>
                  <a:lnTo>
                    <a:pt x="8002524" y="13716"/>
                  </a:lnTo>
                  <a:close/>
                </a:path>
                <a:path w="10587355" h="325119">
                  <a:moveTo>
                    <a:pt x="8098536" y="13716"/>
                  </a:moveTo>
                  <a:lnTo>
                    <a:pt x="8043672" y="13716"/>
                  </a:lnTo>
                  <a:lnTo>
                    <a:pt x="8043672" y="0"/>
                  </a:lnTo>
                  <a:lnTo>
                    <a:pt x="8098536" y="0"/>
                  </a:lnTo>
                  <a:lnTo>
                    <a:pt x="8098536" y="13716"/>
                  </a:lnTo>
                  <a:close/>
                </a:path>
                <a:path w="10587355" h="325119">
                  <a:moveTo>
                    <a:pt x="8194548" y="13716"/>
                  </a:moveTo>
                  <a:lnTo>
                    <a:pt x="8139684" y="13716"/>
                  </a:lnTo>
                  <a:lnTo>
                    <a:pt x="8139684" y="0"/>
                  </a:lnTo>
                  <a:lnTo>
                    <a:pt x="8194548" y="0"/>
                  </a:lnTo>
                  <a:lnTo>
                    <a:pt x="8194548" y="13716"/>
                  </a:lnTo>
                  <a:close/>
                </a:path>
                <a:path w="10587355" h="325119">
                  <a:moveTo>
                    <a:pt x="8290560" y="13716"/>
                  </a:moveTo>
                  <a:lnTo>
                    <a:pt x="8235696" y="13716"/>
                  </a:lnTo>
                  <a:lnTo>
                    <a:pt x="8235696" y="0"/>
                  </a:lnTo>
                  <a:lnTo>
                    <a:pt x="8290560" y="0"/>
                  </a:lnTo>
                  <a:lnTo>
                    <a:pt x="8290560" y="13716"/>
                  </a:lnTo>
                  <a:close/>
                </a:path>
                <a:path w="10587355" h="325119">
                  <a:moveTo>
                    <a:pt x="8386572" y="13716"/>
                  </a:moveTo>
                  <a:lnTo>
                    <a:pt x="8331708" y="13716"/>
                  </a:lnTo>
                  <a:lnTo>
                    <a:pt x="8331708" y="0"/>
                  </a:lnTo>
                  <a:lnTo>
                    <a:pt x="8386572" y="0"/>
                  </a:lnTo>
                  <a:lnTo>
                    <a:pt x="8386572" y="13716"/>
                  </a:lnTo>
                  <a:close/>
                </a:path>
                <a:path w="10587355" h="325119">
                  <a:moveTo>
                    <a:pt x="8482584" y="13716"/>
                  </a:moveTo>
                  <a:lnTo>
                    <a:pt x="8427720" y="13716"/>
                  </a:lnTo>
                  <a:lnTo>
                    <a:pt x="8427720" y="0"/>
                  </a:lnTo>
                  <a:lnTo>
                    <a:pt x="8482584" y="0"/>
                  </a:lnTo>
                  <a:lnTo>
                    <a:pt x="8482584" y="13716"/>
                  </a:lnTo>
                  <a:close/>
                </a:path>
                <a:path w="10587355" h="325119">
                  <a:moveTo>
                    <a:pt x="8578596" y="13716"/>
                  </a:moveTo>
                  <a:lnTo>
                    <a:pt x="8523732" y="13716"/>
                  </a:lnTo>
                  <a:lnTo>
                    <a:pt x="8523732" y="0"/>
                  </a:lnTo>
                  <a:lnTo>
                    <a:pt x="8578596" y="0"/>
                  </a:lnTo>
                  <a:lnTo>
                    <a:pt x="8578596" y="13716"/>
                  </a:lnTo>
                  <a:close/>
                </a:path>
                <a:path w="10587355" h="325119">
                  <a:moveTo>
                    <a:pt x="8674608" y="13716"/>
                  </a:moveTo>
                  <a:lnTo>
                    <a:pt x="8619744" y="13716"/>
                  </a:lnTo>
                  <a:lnTo>
                    <a:pt x="8619744" y="0"/>
                  </a:lnTo>
                  <a:lnTo>
                    <a:pt x="8674608" y="0"/>
                  </a:lnTo>
                  <a:lnTo>
                    <a:pt x="8674608" y="13716"/>
                  </a:lnTo>
                  <a:close/>
                </a:path>
                <a:path w="10587355" h="325119">
                  <a:moveTo>
                    <a:pt x="8770620" y="13716"/>
                  </a:moveTo>
                  <a:lnTo>
                    <a:pt x="8715756" y="13716"/>
                  </a:lnTo>
                  <a:lnTo>
                    <a:pt x="8715756" y="0"/>
                  </a:lnTo>
                  <a:lnTo>
                    <a:pt x="8770620" y="0"/>
                  </a:lnTo>
                  <a:lnTo>
                    <a:pt x="8770620" y="13716"/>
                  </a:lnTo>
                  <a:close/>
                </a:path>
                <a:path w="10587355" h="325119">
                  <a:moveTo>
                    <a:pt x="8866632" y="13716"/>
                  </a:moveTo>
                  <a:lnTo>
                    <a:pt x="8811768" y="13716"/>
                  </a:lnTo>
                  <a:lnTo>
                    <a:pt x="8811768" y="0"/>
                  </a:lnTo>
                  <a:lnTo>
                    <a:pt x="8866632" y="0"/>
                  </a:lnTo>
                  <a:lnTo>
                    <a:pt x="8866632" y="13716"/>
                  </a:lnTo>
                  <a:close/>
                </a:path>
                <a:path w="10587355" h="325119">
                  <a:moveTo>
                    <a:pt x="8962644" y="13716"/>
                  </a:moveTo>
                  <a:lnTo>
                    <a:pt x="8907780" y="13716"/>
                  </a:lnTo>
                  <a:lnTo>
                    <a:pt x="8907780" y="0"/>
                  </a:lnTo>
                  <a:lnTo>
                    <a:pt x="8962644" y="0"/>
                  </a:lnTo>
                  <a:lnTo>
                    <a:pt x="8962644" y="13716"/>
                  </a:lnTo>
                  <a:close/>
                </a:path>
                <a:path w="10587355" h="325119">
                  <a:moveTo>
                    <a:pt x="9058656" y="13716"/>
                  </a:moveTo>
                  <a:lnTo>
                    <a:pt x="9003792" y="13716"/>
                  </a:lnTo>
                  <a:lnTo>
                    <a:pt x="9003792" y="0"/>
                  </a:lnTo>
                  <a:lnTo>
                    <a:pt x="9058656" y="0"/>
                  </a:lnTo>
                  <a:lnTo>
                    <a:pt x="9058656" y="13716"/>
                  </a:lnTo>
                  <a:close/>
                </a:path>
                <a:path w="10587355" h="325119">
                  <a:moveTo>
                    <a:pt x="9154668" y="13716"/>
                  </a:moveTo>
                  <a:lnTo>
                    <a:pt x="9099804" y="13716"/>
                  </a:lnTo>
                  <a:lnTo>
                    <a:pt x="9099804" y="0"/>
                  </a:lnTo>
                  <a:lnTo>
                    <a:pt x="9154668" y="0"/>
                  </a:lnTo>
                  <a:lnTo>
                    <a:pt x="9154668" y="13716"/>
                  </a:lnTo>
                  <a:close/>
                </a:path>
                <a:path w="10587355" h="325119">
                  <a:moveTo>
                    <a:pt x="9250680" y="13716"/>
                  </a:moveTo>
                  <a:lnTo>
                    <a:pt x="9195816" y="13716"/>
                  </a:lnTo>
                  <a:lnTo>
                    <a:pt x="9195816" y="0"/>
                  </a:lnTo>
                  <a:lnTo>
                    <a:pt x="9250680" y="0"/>
                  </a:lnTo>
                  <a:lnTo>
                    <a:pt x="9250680" y="13716"/>
                  </a:lnTo>
                  <a:close/>
                </a:path>
                <a:path w="10587355" h="325119">
                  <a:moveTo>
                    <a:pt x="9346692" y="13716"/>
                  </a:moveTo>
                  <a:lnTo>
                    <a:pt x="9291828" y="13716"/>
                  </a:lnTo>
                  <a:lnTo>
                    <a:pt x="9291828" y="0"/>
                  </a:lnTo>
                  <a:lnTo>
                    <a:pt x="9346692" y="0"/>
                  </a:lnTo>
                  <a:lnTo>
                    <a:pt x="9346692" y="13716"/>
                  </a:lnTo>
                  <a:close/>
                </a:path>
                <a:path w="10587355" h="325119">
                  <a:moveTo>
                    <a:pt x="9442704" y="13716"/>
                  </a:moveTo>
                  <a:lnTo>
                    <a:pt x="9387840" y="13716"/>
                  </a:lnTo>
                  <a:lnTo>
                    <a:pt x="9387840" y="0"/>
                  </a:lnTo>
                  <a:lnTo>
                    <a:pt x="9442704" y="0"/>
                  </a:lnTo>
                  <a:lnTo>
                    <a:pt x="9442704" y="13716"/>
                  </a:lnTo>
                  <a:close/>
                </a:path>
                <a:path w="10587355" h="325119">
                  <a:moveTo>
                    <a:pt x="9538716" y="13716"/>
                  </a:moveTo>
                  <a:lnTo>
                    <a:pt x="9483852" y="13716"/>
                  </a:lnTo>
                  <a:lnTo>
                    <a:pt x="9483852" y="0"/>
                  </a:lnTo>
                  <a:lnTo>
                    <a:pt x="9538716" y="0"/>
                  </a:lnTo>
                  <a:lnTo>
                    <a:pt x="9538716" y="13716"/>
                  </a:lnTo>
                  <a:close/>
                </a:path>
                <a:path w="10587355" h="325119">
                  <a:moveTo>
                    <a:pt x="9634728" y="13716"/>
                  </a:moveTo>
                  <a:lnTo>
                    <a:pt x="9579864" y="13716"/>
                  </a:lnTo>
                  <a:lnTo>
                    <a:pt x="9579864" y="0"/>
                  </a:lnTo>
                  <a:lnTo>
                    <a:pt x="9634728" y="0"/>
                  </a:lnTo>
                  <a:lnTo>
                    <a:pt x="9634728" y="13716"/>
                  </a:lnTo>
                  <a:close/>
                </a:path>
                <a:path w="10587355" h="325119">
                  <a:moveTo>
                    <a:pt x="9730740" y="13716"/>
                  </a:moveTo>
                  <a:lnTo>
                    <a:pt x="9675876" y="13716"/>
                  </a:lnTo>
                  <a:lnTo>
                    <a:pt x="9675876" y="0"/>
                  </a:lnTo>
                  <a:lnTo>
                    <a:pt x="9730740" y="0"/>
                  </a:lnTo>
                  <a:lnTo>
                    <a:pt x="9730740" y="13716"/>
                  </a:lnTo>
                  <a:close/>
                </a:path>
                <a:path w="10587355" h="325119">
                  <a:moveTo>
                    <a:pt x="9826752" y="13716"/>
                  </a:moveTo>
                  <a:lnTo>
                    <a:pt x="9771888" y="13716"/>
                  </a:lnTo>
                  <a:lnTo>
                    <a:pt x="9771888" y="0"/>
                  </a:lnTo>
                  <a:lnTo>
                    <a:pt x="9826752" y="0"/>
                  </a:lnTo>
                  <a:lnTo>
                    <a:pt x="9826752" y="13716"/>
                  </a:lnTo>
                  <a:close/>
                </a:path>
                <a:path w="10587355" h="325119">
                  <a:moveTo>
                    <a:pt x="9922764" y="13716"/>
                  </a:moveTo>
                  <a:lnTo>
                    <a:pt x="9867900" y="13716"/>
                  </a:lnTo>
                  <a:lnTo>
                    <a:pt x="9867900" y="0"/>
                  </a:lnTo>
                  <a:lnTo>
                    <a:pt x="9922764" y="0"/>
                  </a:lnTo>
                  <a:lnTo>
                    <a:pt x="9922764" y="13716"/>
                  </a:lnTo>
                  <a:close/>
                </a:path>
                <a:path w="10587355" h="325119">
                  <a:moveTo>
                    <a:pt x="10018776" y="13716"/>
                  </a:moveTo>
                  <a:lnTo>
                    <a:pt x="9963912" y="13716"/>
                  </a:lnTo>
                  <a:lnTo>
                    <a:pt x="9963912" y="0"/>
                  </a:lnTo>
                  <a:lnTo>
                    <a:pt x="10018776" y="0"/>
                  </a:lnTo>
                  <a:lnTo>
                    <a:pt x="10018776" y="13716"/>
                  </a:lnTo>
                  <a:close/>
                </a:path>
                <a:path w="10587355" h="325119">
                  <a:moveTo>
                    <a:pt x="10114788" y="13716"/>
                  </a:moveTo>
                  <a:lnTo>
                    <a:pt x="10059924" y="13716"/>
                  </a:lnTo>
                  <a:lnTo>
                    <a:pt x="10059924" y="0"/>
                  </a:lnTo>
                  <a:lnTo>
                    <a:pt x="10114788" y="0"/>
                  </a:lnTo>
                  <a:lnTo>
                    <a:pt x="10114788" y="13716"/>
                  </a:lnTo>
                  <a:close/>
                </a:path>
                <a:path w="10587355" h="325119">
                  <a:moveTo>
                    <a:pt x="10210800" y="13716"/>
                  </a:moveTo>
                  <a:lnTo>
                    <a:pt x="10155936" y="13716"/>
                  </a:lnTo>
                  <a:lnTo>
                    <a:pt x="10155936" y="0"/>
                  </a:lnTo>
                  <a:lnTo>
                    <a:pt x="10210800" y="0"/>
                  </a:lnTo>
                  <a:lnTo>
                    <a:pt x="10210800" y="13716"/>
                  </a:lnTo>
                  <a:close/>
                </a:path>
                <a:path w="10587355" h="325119">
                  <a:moveTo>
                    <a:pt x="10306812" y="13716"/>
                  </a:moveTo>
                  <a:lnTo>
                    <a:pt x="10251948" y="13716"/>
                  </a:lnTo>
                  <a:lnTo>
                    <a:pt x="10251948" y="0"/>
                  </a:lnTo>
                  <a:lnTo>
                    <a:pt x="10306812" y="0"/>
                  </a:lnTo>
                  <a:lnTo>
                    <a:pt x="10306812" y="13716"/>
                  </a:lnTo>
                  <a:close/>
                </a:path>
                <a:path w="10587355" h="325119">
                  <a:moveTo>
                    <a:pt x="10401300" y="13716"/>
                  </a:moveTo>
                  <a:lnTo>
                    <a:pt x="10347960" y="13716"/>
                  </a:lnTo>
                  <a:lnTo>
                    <a:pt x="10347960" y="0"/>
                  </a:lnTo>
                  <a:lnTo>
                    <a:pt x="10401300" y="0"/>
                  </a:lnTo>
                  <a:lnTo>
                    <a:pt x="10401300" y="13716"/>
                  </a:lnTo>
                  <a:close/>
                </a:path>
                <a:path w="10587355" h="325119">
                  <a:moveTo>
                    <a:pt x="10497312" y="13716"/>
                  </a:moveTo>
                  <a:lnTo>
                    <a:pt x="10442448" y="13716"/>
                  </a:lnTo>
                  <a:lnTo>
                    <a:pt x="10442448" y="0"/>
                  </a:lnTo>
                  <a:lnTo>
                    <a:pt x="10497312" y="0"/>
                  </a:lnTo>
                  <a:lnTo>
                    <a:pt x="10497312" y="13716"/>
                  </a:lnTo>
                  <a:close/>
                </a:path>
                <a:path w="10587355" h="325119">
                  <a:moveTo>
                    <a:pt x="10573512" y="13716"/>
                  </a:moveTo>
                  <a:lnTo>
                    <a:pt x="10538460" y="13716"/>
                  </a:lnTo>
                  <a:lnTo>
                    <a:pt x="10538460" y="0"/>
                  </a:lnTo>
                  <a:lnTo>
                    <a:pt x="10587228" y="0"/>
                  </a:lnTo>
                  <a:lnTo>
                    <a:pt x="10587228" y="7620"/>
                  </a:lnTo>
                  <a:lnTo>
                    <a:pt x="10573512" y="7620"/>
                  </a:lnTo>
                  <a:lnTo>
                    <a:pt x="10573512" y="13716"/>
                  </a:lnTo>
                  <a:close/>
                </a:path>
                <a:path w="10587355" h="325119">
                  <a:moveTo>
                    <a:pt x="10587228" y="19812"/>
                  </a:moveTo>
                  <a:lnTo>
                    <a:pt x="10573512" y="19812"/>
                  </a:lnTo>
                  <a:lnTo>
                    <a:pt x="10573512" y="7620"/>
                  </a:lnTo>
                  <a:lnTo>
                    <a:pt x="10581132" y="13716"/>
                  </a:lnTo>
                  <a:lnTo>
                    <a:pt x="10587228" y="13716"/>
                  </a:lnTo>
                  <a:lnTo>
                    <a:pt x="10587228" y="19812"/>
                  </a:lnTo>
                  <a:close/>
                </a:path>
                <a:path w="10587355" h="325119">
                  <a:moveTo>
                    <a:pt x="10587228" y="13716"/>
                  </a:moveTo>
                  <a:lnTo>
                    <a:pt x="10581132" y="13716"/>
                  </a:lnTo>
                  <a:lnTo>
                    <a:pt x="10573512" y="7620"/>
                  </a:lnTo>
                  <a:lnTo>
                    <a:pt x="10587228" y="7620"/>
                  </a:lnTo>
                  <a:lnTo>
                    <a:pt x="10587228" y="13716"/>
                  </a:lnTo>
                  <a:close/>
                </a:path>
                <a:path w="10587355" h="325119">
                  <a:moveTo>
                    <a:pt x="10587228" y="115824"/>
                  </a:moveTo>
                  <a:lnTo>
                    <a:pt x="10573512" y="115824"/>
                  </a:lnTo>
                  <a:lnTo>
                    <a:pt x="10573512" y="60960"/>
                  </a:lnTo>
                  <a:lnTo>
                    <a:pt x="10587228" y="60960"/>
                  </a:lnTo>
                  <a:lnTo>
                    <a:pt x="10587228" y="115824"/>
                  </a:lnTo>
                  <a:close/>
                </a:path>
                <a:path w="10587355" h="325119">
                  <a:moveTo>
                    <a:pt x="10587228" y="211836"/>
                  </a:moveTo>
                  <a:lnTo>
                    <a:pt x="10573512" y="211836"/>
                  </a:lnTo>
                  <a:lnTo>
                    <a:pt x="10573512" y="156972"/>
                  </a:lnTo>
                  <a:lnTo>
                    <a:pt x="10587228" y="156972"/>
                  </a:lnTo>
                  <a:lnTo>
                    <a:pt x="10587228" y="211836"/>
                  </a:lnTo>
                  <a:close/>
                </a:path>
                <a:path w="10587355" h="325119">
                  <a:moveTo>
                    <a:pt x="10587228" y="307848"/>
                  </a:moveTo>
                  <a:lnTo>
                    <a:pt x="10573512" y="307848"/>
                  </a:lnTo>
                  <a:lnTo>
                    <a:pt x="10573512" y="252984"/>
                  </a:lnTo>
                  <a:lnTo>
                    <a:pt x="10587228" y="252984"/>
                  </a:lnTo>
                  <a:lnTo>
                    <a:pt x="10587228" y="307848"/>
                  </a:lnTo>
                  <a:close/>
                </a:path>
                <a:path w="10587355" h="325119">
                  <a:moveTo>
                    <a:pt x="10549128" y="324612"/>
                  </a:moveTo>
                  <a:lnTo>
                    <a:pt x="10494264" y="324612"/>
                  </a:lnTo>
                  <a:lnTo>
                    <a:pt x="10494264" y="310896"/>
                  </a:lnTo>
                  <a:lnTo>
                    <a:pt x="10549128" y="310896"/>
                  </a:lnTo>
                  <a:lnTo>
                    <a:pt x="10549128" y="324612"/>
                  </a:lnTo>
                  <a:close/>
                </a:path>
                <a:path w="10587355" h="325119">
                  <a:moveTo>
                    <a:pt x="10453116" y="324612"/>
                  </a:moveTo>
                  <a:lnTo>
                    <a:pt x="10398252" y="324612"/>
                  </a:lnTo>
                  <a:lnTo>
                    <a:pt x="10398252" y="310896"/>
                  </a:lnTo>
                  <a:lnTo>
                    <a:pt x="10453116" y="310896"/>
                  </a:lnTo>
                  <a:lnTo>
                    <a:pt x="10453116" y="324612"/>
                  </a:lnTo>
                  <a:close/>
                </a:path>
                <a:path w="10587355" h="325119">
                  <a:moveTo>
                    <a:pt x="10357104" y="324612"/>
                  </a:moveTo>
                  <a:lnTo>
                    <a:pt x="10302240" y="324612"/>
                  </a:lnTo>
                  <a:lnTo>
                    <a:pt x="10302240" y="310896"/>
                  </a:lnTo>
                  <a:lnTo>
                    <a:pt x="10357104" y="310896"/>
                  </a:lnTo>
                  <a:lnTo>
                    <a:pt x="10357104" y="324612"/>
                  </a:lnTo>
                  <a:close/>
                </a:path>
                <a:path w="10587355" h="325119">
                  <a:moveTo>
                    <a:pt x="10261092" y="324612"/>
                  </a:moveTo>
                  <a:lnTo>
                    <a:pt x="10206228" y="324612"/>
                  </a:lnTo>
                  <a:lnTo>
                    <a:pt x="10206228" y="310896"/>
                  </a:lnTo>
                  <a:lnTo>
                    <a:pt x="10261092" y="310896"/>
                  </a:lnTo>
                  <a:lnTo>
                    <a:pt x="10261092" y="324612"/>
                  </a:lnTo>
                  <a:close/>
                </a:path>
                <a:path w="10587355" h="325119">
                  <a:moveTo>
                    <a:pt x="10165080" y="324612"/>
                  </a:moveTo>
                  <a:lnTo>
                    <a:pt x="10110216" y="324612"/>
                  </a:lnTo>
                  <a:lnTo>
                    <a:pt x="10110216" y="310896"/>
                  </a:lnTo>
                  <a:lnTo>
                    <a:pt x="10165080" y="310896"/>
                  </a:lnTo>
                  <a:lnTo>
                    <a:pt x="10165080" y="324612"/>
                  </a:lnTo>
                  <a:close/>
                </a:path>
                <a:path w="10587355" h="325119">
                  <a:moveTo>
                    <a:pt x="10069068" y="324612"/>
                  </a:moveTo>
                  <a:lnTo>
                    <a:pt x="10015728" y="324612"/>
                  </a:lnTo>
                  <a:lnTo>
                    <a:pt x="10015728" y="310896"/>
                  </a:lnTo>
                  <a:lnTo>
                    <a:pt x="10069068" y="310896"/>
                  </a:lnTo>
                  <a:lnTo>
                    <a:pt x="10069068" y="324612"/>
                  </a:lnTo>
                  <a:close/>
                </a:path>
                <a:path w="10587355" h="325119">
                  <a:moveTo>
                    <a:pt x="9974580" y="324612"/>
                  </a:moveTo>
                  <a:lnTo>
                    <a:pt x="9919716" y="324612"/>
                  </a:lnTo>
                  <a:lnTo>
                    <a:pt x="9919716" y="310896"/>
                  </a:lnTo>
                  <a:lnTo>
                    <a:pt x="9974580" y="310896"/>
                  </a:lnTo>
                  <a:lnTo>
                    <a:pt x="9974580" y="324612"/>
                  </a:lnTo>
                  <a:close/>
                </a:path>
                <a:path w="10587355" h="325119">
                  <a:moveTo>
                    <a:pt x="9878568" y="324612"/>
                  </a:moveTo>
                  <a:lnTo>
                    <a:pt x="9823704" y="324612"/>
                  </a:lnTo>
                  <a:lnTo>
                    <a:pt x="9823704" y="310896"/>
                  </a:lnTo>
                  <a:lnTo>
                    <a:pt x="9878568" y="310896"/>
                  </a:lnTo>
                  <a:lnTo>
                    <a:pt x="9878568" y="324612"/>
                  </a:lnTo>
                  <a:close/>
                </a:path>
                <a:path w="10587355" h="325119">
                  <a:moveTo>
                    <a:pt x="9782556" y="324612"/>
                  </a:moveTo>
                  <a:lnTo>
                    <a:pt x="9727692" y="324612"/>
                  </a:lnTo>
                  <a:lnTo>
                    <a:pt x="9727692" y="310896"/>
                  </a:lnTo>
                  <a:lnTo>
                    <a:pt x="9782556" y="310896"/>
                  </a:lnTo>
                  <a:lnTo>
                    <a:pt x="9782556" y="324612"/>
                  </a:lnTo>
                  <a:close/>
                </a:path>
                <a:path w="10587355" h="325119">
                  <a:moveTo>
                    <a:pt x="9686544" y="324612"/>
                  </a:moveTo>
                  <a:lnTo>
                    <a:pt x="9631680" y="324612"/>
                  </a:lnTo>
                  <a:lnTo>
                    <a:pt x="9631680" y="310896"/>
                  </a:lnTo>
                  <a:lnTo>
                    <a:pt x="9686544" y="310896"/>
                  </a:lnTo>
                  <a:lnTo>
                    <a:pt x="9686544" y="324612"/>
                  </a:lnTo>
                  <a:close/>
                </a:path>
                <a:path w="10587355" h="325119">
                  <a:moveTo>
                    <a:pt x="9590532" y="324612"/>
                  </a:moveTo>
                  <a:lnTo>
                    <a:pt x="9535668" y="324612"/>
                  </a:lnTo>
                  <a:lnTo>
                    <a:pt x="9535668" y="310896"/>
                  </a:lnTo>
                  <a:lnTo>
                    <a:pt x="9590532" y="310896"/>
                  </a:lnTo>
                  <a:lnTo>
                    <a:pt x="9590532" y="324612"/>
                  </a:lnTo>
                  <a:close/>
                </a:path>
                <a:path w="10587355" h="325119">
                  <a:moveTo>
                    <a:pt x="9494520" y="324612"/>
                  </a:moveTo>
                  <a:lnTo>
                    <a:pt x="9439656" y="324612"/>
                  </a:lnTo>
                  <a:lnTo>
                    <a:pt x="9439656" y="310896"/>
                  </a:lnTo>
                  <a:lnTo>
                    <a:pt x="9494520" y="310896"/>
                  </a:lnTo>
                  <a:lnTo>
                    <a:pt x="9494520" y="324612"/>
                  </a:lnTo>
                  <a:close/>
                </a:path>
                <a:path w="10587355" h="325119">
                  <a:moveTo>
                    <a:pt x="9398508" y="324612"/>
                  </a:moveTo>
                  <a:lnTo>
                    <a:pt x="9343644" y="324612"/>
                  </a:lnTo>
                  <a:lnTo>
                    <a:pt x="9343644" y="310896"/>
                  </a:lnTo>
                  <a:lnTo>
                    <a:pt x="9398508" y="310896"/>
                  </a:lnTo>
                  <a:lnTo>
                    <a:pt x="9398508" y="324612"/>
                  </a:lnTo>
                  <a:close/>
                </a:path>
                <a:path w="10587355" h="325119">
                  <a:moveTo>
                    <a:pt x="9302496" y="324612"/>
                  </a:moveTo>
                  <a:lnTo>
                    <a:pt x="9247632" y="324612"/>
                  </a:lnTo>
                  <a:lnTo>
                    <a:pt x="9247632" y="310896"/>
                  </a:lnTo>
                  <a:lnTo>
                    <a:pt x="9302496" y="310896"/>
                  </a:lnTo>
                  <a:lnTo>
                    <a:pt x="9302496" y="324612"/>
                  </a:lnTo>
                  <a:close/>
                </a:path>
                <a:path w="10587355" h="325119">
                  <a:moveTo>
                    <a:pt x="9206484" y="324612"/>
                  </a:moveTo>
                  <a:lnTo>
                    <a:pt x="9151620" y="324612"/>
                  </a:lnTo>
                  <a:lnTo>
                    <a:pt x="9151620" y="310896"/>
                  </a:lnTo>
                  <a:lnTo>
                    <a:pt x="9206484" y="310896"/>
                  </a:lnTo>
                  <a:lnTo>
                    <a:pt x="9206484" y="324612"/>
                  </a:lnTo>
                  <a:close/>
                </a:path>
                <a:path w="10587355" h="325119">
                  <a:moveTo>
                    <a:pt x="9110472" y="324612"/>
                  </a:moveTo>
                  <a:lnTo>
                    <a:pt x="9055608" y="324612"/>
                  </a:lnTo>
                  <a:lnTo>
                    <a:pt x="9055608" y="310896"/>
                  </a:lnTo>
                  <a:lnTo>
                    <a:pt x="9110472" y="310896"/>
                  </a:lnTo>
                  <a:lnTo>
                    <a:pt x="9110472" y="324612"/>
                  </a:lnTo>
                  <a:close/>
                </a:path>
                <a:path w="10587355" h="325119">
                  <a:moveTo>
                    <a:pt x="9014460" y="324612"/>
                  </a:moveTo>
                  <a:lnTo>
                    <a:pt x="8959596" y="324612"/>
                  </a:lnTo>
                  <a:lnTo>
                    <a:pt x="8959596" y="310896"/>
                  </a:lnTo>
                  <a:lnTo>
                    <a:pt x="9014460" y="310896"/>
                  </a:lnTo>
                  <a:lnTo>
                    <a:pt x="9014460" y="324612"/>
                  </a:lnTo>
                  <a:close/>
                </a:path>
                <a:path w="10587355" h="325119">
                  <a:moveTo>
                    <a:pt x="8918448" y="324612"/>
                  </a:moveTo>
                  <a:lnTo>
                    <a:pt x="8863584" y="324612"/>
                  </a:lnTo>
                  <a:lnTo>
                    <a:pt x="8863584" y="310896"/>
                  </a:lnTo>
                  <a:lnTo>
                    <a:pt x="8918448" y="310896"/>
                  </a:lnTo>
                  <a:lnTo>
                    <a:pt x="8918448" y="324612"/>
                  </a:lnTo>
                  <a:close/>
                </a:path>
                <a:path w="10587355" h="325119">
                  <a:moveTo>
                    <a:pt x="8822436" y="324612"/>
                  </a:moveTo>
                  <a:lnTo>
                    <a:pt x="8767572" y="324612"/>
                  </a:lnTo>
                  <a:lnTo>
                    <a:pt x="8767572" y="310896"/>
                  </a:lnTo>
                  <a:lnTo>
                    <a:pt x="8822436" y="310896"/>
                  </a:lnTo>
                  <a:lnTo>
                    <a:pt x="8822436" y="324612"/>
                  </a:lnTo>
                  <a:close/>
                </a:path>
                <a:path w="10587355" h="325119">
                  <a:moveTo>
                    <a:pt x="8726424" y="324612"/>
                  </a:moveTo>
                  <a:lnTo>
                    <a:pt x="8671560" y="324612"/>
                  </a:lnTo>
                  <a:lnTo>
                    <a:pt x="8671560" y="310896"/>
                  </a:lnTo>
                  <a:lnTo>
                    <a:pt x="8726424" y="310896"/>
                  </a:lnTo>
                  <a:lnTo>
                    <a:pt x="8726424" y="324612"/>
                  </a:lnTo>
                  <a:close/>
                </a:path>
                <a:path w="10587355" h="325119">
                  <a:moveTo>
                    <a:pt x="8630412" y="324612"/>
                  </a:moveTo>
                  <a:lnTo>
                    <a:pt x="8575548" y="324612"/>
                  </a:lnTo>
                  <a:lnTo>
                    <a:pt x="8575548" y="310896"/>
                  </a:lnTo>
                  <a:lnTo>
                    <a:pt x="8630412" y="310896"/>
                  </a:lnTo>
                  <a:lnTo>
                    <a:pt x="8630412" y="324612"/>
                  </a:lnTo>
                  <a:close/>
                </a:path>
                <a:path w="10587355" h="325119">
                  <a:moveTo>
                    <a:pt x="8534400" y="324612"/>
                  </a:moveTo>
                  <a:lnTo>
                    <a:pt x="8479536" y="324612"/>
                  </a:lnTo>
                  <a:lnTo>
                    <a:pt x="8479536" y="310896"/>
                  </a:lnTo>
                  <a:lnTo>
                    <a:pt x="8534400" y="310896"/>
                  </a:lnTo>
                  <a:lnTo>
                    <a:pt x="8534400" y="324612"/>
                  </a:lnTo>
                  <a:close/>
                </a:path>
                <a:path w="10587355" h="325119">
                  <a:moveTo>
                    <a:pt x="8438388" y="324612"/>
                  </a:moveTo>
                  <a:lnTo>
                    <a:pt x="8383524" y="324612"/>
                  </a:lnTo>
                  <a:lnTo>
                    <a:pt x="8383524" y="310896"/>
                  </a:lnTo>
                  <a:lnTo>
                    <a:pt x="8438388" y="310896"/>
                  </a:lnTo>
                  <a:lnTo>
                    <a:pt x="8438388" y="324612"/>
                  </a:lnTo>
                  <a:close/>
                </a:path>
                <a:path w="10587355" h="325119">
                  <a:moveTo>
                    <a:pt x="8342376" y="324612"/>
                  </a:moveTo>
                  <a:lnTo>
                    <a:pt x="8287512" y="324612"/>
                  </a:lnTo>
                  <a:lnTo>
                    <a:pt x="8287512" y="310896"/>
                  </a:lnTo>
                  <a:lnTo>
                    <a:pt x="8342376" y="310896"/>
                  </a:lnTo>
                  <a:lnTo>
                    <a:pt x="8342376" y="324612"/>
                  </a:lnTo>
                  <a:close/>
                </a:path>
                <a:path w="10587355" h="325119">
                  <a:moveTo>
                    <a:pt x="8246364" y="324612"/>
                  </a:moveTo>
                  <a:lnTo>
                    <a:pt x="8191500" y="324612"/>
                  </a:lnTo>
                  <a:lnTo>
                    <a:pt x="8191500" y="310896"/>
                  </a:lnTo>
                  <a:lnTo>
                    <a:pt x="8246364" y="310896"/>
                  </a:lnTo>
                  <a:lnTo>
                    <a:pt x="8246364" y="324612"/>
                  </a:lnTo>
                  <a:close/>
                </a:path>
                <a:path w="10587355" h="325119">
                  <a:moveTo>
                    <a:pt x="8150352" y="324612"/>
                  </a:moveTo>
                  <a:lnTo>
                    <a:pt x="8095488" y="324612"/>
                  </a:lnTo>
                  <a:lnTo>
                    <a:pt x="8095488" y="310896"/>
                  </a:lnTo>
                  <a:lnTo>
                    <a:pt x="8150352" y="310896"/>
                  </a:lnTo>
                  <a:lnTo>
                    <a:pt x="8150352" y="324612"/>
                  </a:lnTo>
                  <a:close/>
                </a:path>
                <a:path w="10587355" h="325119">
                  <a:moveTo>
                    <a:pt x="8054340" y="324612"/>
                  </a:moveTo>
                  <a:lnTo>
                    <a:pt x="7999476" y="324612"/>
                  </a:lnTo>
                  <a:lnTo>
                    <a:pt x="7999476" y="310896"/>
                  </a:lnTo>
                  <a:lnTo>
                    <a:pt x="8054340" y="310896"/>
                  </a:lnTo>
                  <a:lnTo>
                    <a:pt x="8054340" y="324612"/>
                  </a:lnTo>
                  <a:close/>
                </a:path>
                <a:path w="10587355" h="325119">
                  <a:moveTo>
                    <a:pt x="7958328" y="324612"/>
                  </a:moveTo>
                  <a:lnTo>
                    <a:pt x="7903464" y="324612"/>
                  </a:lnTo>
                  <a:lnTo>
                    <a:pt x="7903464" y="310896"/>
                  </a:lnTo>
                  <a:lnTo>
                    <a:pt x="7958328" y="310896"/>
                  </a:lnTo>
                  <a:lnTo>
                    <a:pt x="7958328" y="324612"/>
                  </a:lnTo>
                  <a:close/>
                </a:path>
                <a:path w="10587355" h="325119">
                  <a:moveTo>
                    <a:pt x="7862316" y="324612"/>
                  </a:moveTo>
                  <a:lnTo>
                    <a:pt x="7807452" y="324612"/>
                  </a:lnTo>
                  <a:lnTo>
                    <a:pt x="7807452" y="310896"/>
                  </a:lnTo>
                  <a:lnTo>
                    <a:pt x="7862316" y="310896"/>
                  </a:lnTo>
                  <a:lnTo>
                    <a:pt x="7862316" y="324612"/>
                  </a:lnTo>
                  <a:close/>
                </a:path>
                <a:path w="10587355" h="325119">
                  <a:moveTo>
                    <a:pt x="7766304" y="324612"/>
                  </a:moveTo>
                  <a:lnTo>
                    <a:pt x="7711440" y="324612"/>
                  </a:lnTo>
                  <a:lnTo>
                    <a:pt x="7711440" y="310896"/>
                  </a:lnTo>
                  <a:lnTo>
                    <a:pt x="7766304" y="310896"/>
                  </a:lnTo>
                  <a:lnTo>
                    <a:pt x="7766304" y="324612"/>
                  </a:lnTo>
                  <a:close/>
                </a:path>
                <a:path w="10587355" h="325119">
                  <a:moveTo>
                    <a:pt x="7670292" y="324612"/>
                  </a:moveTo>
                  <a:lnTo>
                    <a:pt x="7615428" y="324612"/>
                  </a:lnTo>
                  <a:lnTo>
                    <a:pt x="7615428" y="310896"/>
                  </a:lnTo>
                  <a:lnTo>
                    <a:pt x="7670292" y="310896"/>
                  </a:lnTo>
                  <a:lnTo>
                    <a:pt x="7670292" y="324612"/>
                  </a:lnTo>
                  <a:close/>
                </a:path>
                <a:path w="10587355" h="325119">
                  <a:moveTo>
                    <a:pt x="7575804" y="324612"/>
                  </a:moveTo>
                  <a:lnTo>
                    <a:pt x="7520940" y="324612"/>
                  </a:lnTo>
                  <a:lnTo>
                    <a:pt x="7520940" y="310896"/>
                  </a:lnTo>
                  <a:lnTo>
                    <a:pt x="7575804" y="310896"/>
                  </a:lnTo>
                  <a:lnTo>
                    <a:pt x="7575804" y="324612"/>
                  </a:lnTo>
                  <a:close/>
                </a:path>
                <a:path w="10587355" h="325119">
                  <a:moveTo>
                    <a:pt x="7479792" y="324612"/>
                  </a:moveTo>
                  <a:lnTo>
                    <a:pt x="7424928" y="324612"/>
                  </a:lnTo>
                  <a:lnTo>
                    <a:pt x="7424928" y="310896"/>
                  </a:lnTo>
                  <a:lnTo>
                    <a:pt x="7479792" y="310896"/>
                  </a:lnTo>
                  <a:lnTo>
                    <a:pt x="7479792" y="324612"/>
                  </a:lnTo>
                  <a:close/>
                </a:path>
                <a:path w="10587355" h="325119">
                  <a:moveTo>
                    <a:pt x="7383780" y="324612"/>
                  </a:moveTo>
                  <a:lnTo>
                    <a:pt x="7328916" y="324612"/>
                  </a:lnTo>
                  <a:lnTo>
                    <a:pt x="7328916" y="310896"/>
                  </a:lnTo>
                  <a:lnTo>
                    <a:pt x="7383780" y="310896"/>
                  </a:lnTo>
                  <a:lnTo>
                    <a:pt x="7383780" y="324612"/>
                  </a:lnTo>
                  <a:close/>
                </a:path>
                <a:path w="10587355" h="325119">
                  <a:moveTo>
                    <a:pt x="7287768" y="324612"/>
                  </a:moveTo>
                  <a:lnTo>
                    <a:pt x="7232904" y="324612"/>
                  </a:lnTo>
                  <a:lnTo>
                    <a:pt x="7232904" y="310896"/>
                  </a:lnTo>
                  <a:lnTo>
                    <a:pt x="7287768" y="310896"/>
                  </a:lnTo>
                  <a:lnTo>
                    <a:pt x="7287768" y="324612"/>
                  </a:lnTo>
                  <a:close/>
                </a:path>
                <a:path w="10587355" h="325119">
                  <a:moveTo>
                    <a:pt x="7191756" y="324612"/>
                  </a:moveTo>
                  <a:lnTo>
                    <a:pt x="7136892" y="324612"/>
                  </a:lnTo>
                  <a:lnTo>
                    <a:pt x="7136892" y="310896"/>
                  </a:lnTo>
                  <a:lnTo>
                    <a:pt x="7191756" y="310896"/>
                  </a:lnTo>
                  <a:lnTo>
                    <a:pt x="7191756" y="324612"/>
                  </a:lnTo>
                  <a:close/>
                </a:path>
                <a:path w="10587355" h="325119">
                  <a:moveTo>
                    <a:pt x="7095744" y="324612"/>
                  </a:moveTo>
                  <a:lnTo>
                    <a:pt x="7040880" y="324612"/>
                  </a:lnTo>
                  <a:lnTo>
                    <a:pt x="7040880" y="310896"/>
                  </a:lnTo>
                  <a:lnTo>
                    <a:pt x="7095744" y="310896"/>
                  </a:lnTo>
                  <a:lnTo>
                    <a:pt x="7095744" y="324612"/>
                  </a:lnTo>
                  <a:close/>
                </a:path>
                <a:path w="10587355" h="325119">
                  <a:moveTo>
                    <a:pt x="6999732" y="324612"/>
                  </a:moveTo>
                  <a:lnTo>
                    <a:pt x="6944868" y="324612"/>
                  </a:lnTo>
                  <a:lnTo>
                    <a:pt x="6944868" y="310896"/>
                  </a:lnTo>
                  <a:lnTo>
                    <a:pt x="6999732" y="310896"/>
                  </a:lnTo>
                  <a:lnTo>
                    <a:pt x="6999732" y="324612"/>
                  </a:lnTo>
                  <a:close/>
                </a:path>
                <a:path w="10587355" h="325119">
                  <a:moveTo>
                    <a:pt x="6903720" y="324612"/>
                  </a:moveTo>
                  <a:lnTo>
                    <a:pt x="6848856" y="324612"/>
                  </a:lnTo>
                  <a:lnTo>
                    <a:pt x="6848856" y="310896"/>
                  </a:lnTo>
                  <a:lnTo>
                    <a:pt x="6903720" y="310896"/>
                  </a:lnTo>
                  <a:lnTo>
                    <a:pt x="6903720" y="324612"/>
                  </a:lnTo>
                  <a:close/>
                </a:path>
                <a:path w="10587355" h="325119">
                  <a:moveTo>
                    <a:pt x="6807708" y="324612"/>
                  </a:moveTo>
                  <a:lnTo>
                    <a:pt x="6752844" y="324612"/>
                  </a:lnTo>
                  <a:lnTo>
                    <a:pt x="6752844" y="310896"/>
                  </a:lnTo>
                  <a:lnTo>
                    <a:pt x="6807708" y="310896"/>
                  </a:lnTo>
                  <a:lnTo>
                    <a:pt x="6807708" y="324612"/>
                  </a:lnTo>
                  <a:close/>
                </a:path>
                <a:path w="10587355" h="325119">
                  <a:moveTo>
                    <a:pt x="6711696" y="324612"/>
                  </a:moveTo>
                  <a:lnTo>
                    <a:pt x="6656832" y="324612"/>
                  </a:lnTo>
                  <a:lnTo>
                    <a:pt x="6656832" y="310896"/>
                  </a:lnTo>
                  <a:lnTo>
                    <a:pt x="6711696" y="310896"/>
                  </a:lnTo>
                  <a:lnTo>
                    <a:pt x="6711696" y="324612"/>
                  </a:lnTo>
                  <a:close/>
                </a:path>
                <a:path w="10587355" h="325119">
                  <a:moveTo>
                    <a:pt x="6615684" y="324612"/>
                  </a:moveTo>
                  <a:lnTo>
                    <a:pt x="6560820" y="324612"/>
                  </a:lnTo>
                  <a:lnTo>
                    <a:pt x="6560820" y="310896"/>
                  </a:lnTo>
                  <a:lnTo>
                    <a:pt x="6615684" y="310896"/>
                  </a:lnTo>
                  <a:lnTo>
                    <a:pt x="6615684" y="324612"/>
                  </a:lnTo>
                  <a:close/>
                </a:path>
                <a:path w="10587355" h="325119">
                  <a:moveTo>
                    <a:pt x="6519672" y="324612"/>
                  </a:moveTo>
                  <a:lnTo>
                    <a:pt x="6464808" y="324612"/>
                  </a:lnTo>
                  <a:lnTo>
                    <a:pt x="6464808" y="310896"/>
                  </a:lnTo>
                  <a:lnTo>
                    <a:pt x="6519672" y="310896"/>
                  </a:lnTo>
                  <a:lnTo>
                    <a:pt x="6519672" y="324612"/>
                  </a:lnTo>
                  <a:close/>
                </a:path>
                <a:path w="10587355" h="325119">
                  <a:moveTo>
                    <a:pt x="6423660" y="324612"/>
                  </a:moveTo>
                  <a:lnTo>
                    <a:pt x="6368796" y="324612"/>
                  </a:lnTo>
                  <a:lnTo>
                    <a:pt x="6368796" y="310896"/>
                  </a:lnTo>
                  <a:lnTo>
                    <a:pt x="6423660" y="310896"/>
                  </a:lnTo>
                  <a:lnTo>
                    <a:pt x="6423660" y="324612"/>
                  </a:lnTo>
                  <a:close/>
                </a:path>
                <a:path w="10587355" h="325119">
                  <a:moveTo>
                    <a:pt x="6327648" y="324612"/>
                  </a:moveTo>
                  <a:lnTo>
                    <a:pt x="6272784" y="324612"/>
                  </a:lnTo>
                  <a:lnTo>
                    <a:pt x="6272784" y="310896"/>
                  </a:lnTo>
                  <a:lnTo>
                    <a:pt x="6327648" y="310896"/>
                  </a:lnTo>
                  <a:lnTo>
                    <a:pt x="6327648" y="324612"/>
                  </a:lnTo>
                  <a:close/>
                </a:path>
                <a:path w="10587355" h="325119">
                  <a:moveTo>
                    <a:pt x="6231636" y="324612"/>
                  </a:moveTo>
                  <a:lnTo>
                    <a:pt x="6176772" y="324612"/>
                  </a:lnTo>
                  <a:lnTo>
                    <a:pt x="6176772" y="310896"/>
                  </a:lnTo>
                  <a:lnTo>
                    <a:pt x="6231636" y="310896"/>
                  </a:lnTo>
                  <a:lnTo>
                    <a:pt x="6231636" y="324612"/>
                  </a:lnTo>
                  <a:close/>
                </a:path>
                <a:path w="10587355" h="325119">
                  <a:moveTo>
                    <a:pt x="6135624" y="324612"/>
                  </a:moveTo>
                  <a:lnTo>
                    <a:pt x="6080760" y="324612"/>
                  </a:lnTo>
                  <a:lnTo>
                    <a:pt x="6080760" y="310896"/>
                  </a:lnTo>
                  <a:lnTo>
                    <a:pt x="6135624" y="310896"/>
                  </a:lnTo>
                  <a:lnTo>
                    <a:pt x="6135624" y="324612"/>
                  </a:lnTo>
                  <a:close/>
                </a:path>
                <a:path w="10587355" h="325119">
                  <a:moveTo>
                    <a:pt x="6039612" y="324612"/>
                  </a:moveTo>
                  <a:lnTo>
                    <a:pt x="5984748" y="324612"/>
                  </a:lnTo>
                  <a:lnTo>
                    <a:pt x="5984748" y="310896"/>
                  </a:lnTo>
                  <a:lnTo>
                    <a:pt x="6039612" y="310896"/>
                  </a:lnTo>
                  <a:lnTo>
                    <a:pt x="6039612" y="324612"/>
                  </a:lnTo>
                  <a:close/>
                </a:path>
                <a:path w="10587355" h="325119">
                  <a:moveTo>
                    <a:pt x="5943600" y="324612"/>
                  </a:moveTo>
                  <a:lnTo>
                    <a:pt x="5888736" y="324612"/>
                  </a:lnTo>
                  <a:lnTo>
                    <a:pt x="5888736" y="310896"/>
                  </a:lnTo>
                  <a:lnTo>
                    <a:pt x="5943600" y="310896"/>
                  </a:lnTo>
                  <a:lnTo>
                    <a:pt x="5943600" y="324612"/>
                  </a:lnTo>
                  <a:close/>
                </a:path>
                <a:path w="10587355" h="325119">
                  <a:moveTo>
                    <a:pt x="5847588" y="324612"/>
                  </a:moveTo>
                  <a:lnTo>
                    <a:pt x="5792724" y="324612"/>
                  </a:lnTo>
                  <a:lnTo>
                    <a:pt x="5792724" y="310896"/>
                  </a:lnTo>
                  <a:lnTo>
                    <a:pt x="5847588" y="310896"/>
                  </a:lnTo>
                  <a:lnTo>
                    <a:pt x="5847588" y="324612"/>
                  </a:lnTo>
                  <a:close/>
                </a:path>
                <a:path w="10587355" h="325119">
                  <a:moveTo>
                    <a:pt x="5751576" y="324612"/>
                  </a:moveTo>
                  <a:lnTo>
                    <a:pt x="5696712" y="324612"/>
                  </a:lnTo>
                  <a:lnTo>
                    <a:pt x="5696712" y="310896"/>
                  </a:lnTo>
                  <a:lnTo>
                    <a:pt x="5751576" y="310896"/>
                  </a:lnTo>
                  <a:lnTo>
                    <a:pt x="5751576" y="324612"/>
                  </a:lnTo>
                  <a:close/>
                </a:path>
                <a:path w="10587355" h="325119">
                  <a:moveTo>
                    <a:pt x="5655564" y="324612"/>
                  </a:moveTo>
                  <a:lnTo>
                    <a:pt x="5600700" y="324612"/>
                  </a:lnTo>
                  <a:lnTo>
                    <a:pt x="5600700" y="310896"/>
                  </a:lnTo>
                  <a:lnTo>
                    <a:pt x="5655564" y="310896"/>
                  </a:lnTo>
                  <a:lnTo>
                    <a:pt x="5655564" y="324612"/>
                  </a:lnTo>
                  <a:close/>
                </a:path>
                <a:path w="10587355" h="325119">
                  <a:moveTo>
                    <a:pt x="5559552" y="324612"/>
                  </a:moveTo>
                  <a:lnTo>
                    <a:pt x="5504688" y="324612"/>
                  </a:lnTo>
                  <a:lnTo>
                    <a:pt x="5504688" y="310896"/>
                  </a:lnTo>
                  <a:lnTo>
                    <a:pt x="5559552" y="310896"/>
                  </a:lnTo>
                  <a:lnTo>
                    <a:pt x="5559552" y="324612"/>
                  </a:lnTo>
                  <a:close/>
                </a:path>
                <a:path w="10587355" h="325119">
                  <a:moveTo>
                    <a:pt x="5463540" y="324612"/>
                  </a:moveTo>
                  <a:lnTo>
                    <a:pt x="5408676" y="324612"/>
                  </a:lnTo>
                  <a:lnTo>
                    <a:pt x="5408676" y="310896"/>
                  </a:lnTo>
                  <a:lnTo>
                    <a:pt x="5463540" y="310896"/>
                  </a:lnTo>
                  <a:lnTo>
                    <a:pt x="5463540" y="324612"/>
                  </a:lnTo>
                  <a:close/>
                </a:path>
                <a:path w="10587355" h="325119">
                  <a:moveTo>
                    <a:pt x="5367528" y="324612"/>
                  </a:moveTo>
                  <a:lnTo>
                    <a:pt x="5312664" y="324612"/>
                  </a:lnTo>
                  <a:lnTo>
                    <a:pt x="5312664" y="310896"/>
                  </a:lnTo>
                  <a:lnTo>
                    <a:pt x="5367528" y="310896"/>
                  </a:lnTo>
                  <a:lnTo>
                    <a:pt x="5367528" y="324612"/>
                  </a:lnTo>
                  <a:close/>
                </a:path>
                <a:path w="10587355" h="325119">
                  <a:moveTo>
                    <a:pt x="5271516" y="324612"/>
                  </a:moveTo>
                  <a:lnTo>
                    <a:pt x="5216652" y="324612"/>
                  </a:lnTo>
                  <a:lnTo>
                    <a:pt x="5216652" y="310896"/>
                  </a:lnTo>
                  <a:lnTo>
                    <a:pt x="5271516" y="310896"/>
                  </a:lnTo>
                  <a:lnTo>
                    <a:pt x="5271516" y="324612"/>
                  </a:lnTo>
                  <a:close/>
                </a:path>
                <a:path w="10587355" h="325119">
                  <a:moveTo>
                    <a:pt x="5175504" y="324612"/>
                  </a:moveTo>
                  <a:lnTo>
                    <a:pt x="5122164" y="324612"/>
                  </a:lnTo>
                  <a:lnTo>
                    <a:pt x="5122164" y="310896"/>
                  </a:lnTo>
                  <a:lnTo>
                    <a:pt x="5175504" y="310896"/>
                  </a:lnTo>
                  <a:lnTo>
                    <a:pt x="5175504" y="324612"/>
                  </a:lnTo>
                  <a:close/>
                </a:path>
                <a:path w="10587355" h="325119">
                  <a:moveTo>
                    <a:pt x="5081016" y="324612"/>
                  </a:moveTo>
                  <a:lnTo>
                    <a:pt x="5026152" y="324612"/>
                  </a:lnTo>
                  <a:lnTo>
                    <a:pt x="5026152" y="310896"/>
                  </a:lnTo>
                  <a:lnTo>
                    <a:pt x="5081016" y="310896"/>
                  </a:lnTo>
                  <a:lnTo>
                    <a:pt x="5081016" y="324612"/>
                  </a:lnTo>
                  <a:close/>
                </a:path>
                <a:path w="10587355" h="325119">
                  <a:moveTo>
                    <a:pt x="4985004" y="324612"/>
                  </a:moveTo>
                  <a:lnTo>
                    <a:pt x="4930140" y="324612"/>
                  </a:lnTo>
                  <a:lnTo>
                    <a:pt x="4930140" y="310896"/>
                  </a:lnTo>
                  <a:lnTo>
                    <a:pt x="4985004" y="310896"/>
                  </a:lnTo>
                  <a:lnTo>
                    <a:pt x="4985004" y="324612"/>
                  </a:lnTo>
                  <a:close/>
                </a:path>
                <a:path w="10587355" h="325119">
                  <a:moveTo>
                    <a:pt x="4888992" y="324612"/>
                  </a:moveTo>
                  <a:lnTo>
                    <a:pt x="4834128" y="324612"/>
                  </a:lnTo>
                  <a:lnTo>
                    <a:pt x="4834128" y="310896"/>
                  </a:lnTo>
                  <a:lnTo>
                    <a:pt x="4888992" y="310896"/>
                  </a:lnTo>
                  <a:lnTo>
                    <a:pt x="4888992" y="324612"/>
                  </a:lnTo>
                  <a:close/>
                </a:path>
                <a:path w="10587355" h="325119">
                  <a:moveTo>
                    <a:pt x="4792980" y="324612"/>
                  </a:moveTo>
                  <a:lnTo>
                    <a:pt x="4738116" y="324612"/>
                  </a:lnTo>
                  <a:lnTo>
                    <a:pt x="4738116" y="310896"/>
                  </a:lnTo>
                  <a:lnTo>
                    <a:pt x="4792980" y="310896"/>
                  </a:lnTo>
                  <a:lnTo>
                    <a:pt x="4792980" y="324612"/>
                  </a:lnTo>
                  <a:close/>
                </a:path>
                <a:path w="10587355" h="325119">
                  <a:moveTo>
                    <a:pt x="4696968" y="324612"/>
                  </a:moveTo>
                  <a:lnTo>
                    <a:pt x="4642104" y="324612"/>
                  </a:lnTo>
                  <a:lnTo>
                    <a:pt x="4642104" y="310896"/>
                  </a:lnTo>
                  <a:lnTo>
                    <a:pt x="4696968" y="310896"/>
                  </a:lnTo>
                  <a:lnTo>
                    <a:pt x="4696968" y="324612"/>
                  </a:lnTo>
                  <a:close/>
                </a:path>
                <a:path w="10587355" h="325119">
                  <a:moveTo>
                    <a:pt x="4600956" y="324612"/>
                  </a:moveTo>
                  <a:lnTo>
                    <a:pt x="4546092" y="324612"/>
                  </a:lnTo>
                  <a:lnTo>
                    <a:pt x="4546092" y="310896"/>
                  </a:lnTo>
                  <a:lnTo>
                    <a:pt x="4600956" y="310896"/>
                  </a:lnTo>
                  <a:lnTo>
                    <a:pt x="4600956" y="324612"/>
                  </a:lnTo>
                  <a:close/>
                </a:path>
                <a:path w="10587355" h="325119">
                  <a:moveTo>
                    <a:pt x="4504944" y="324612"/>
                  </a:moveTo>
                  <a:lnTo>
                    <a:pt x="4450080" y="324612"/>
                  </a:lnTo>
                  <a:lnTo>
                    <a:pt x="4450080" y="310896"/>
                  </a:lnTo>
                  <a:lnTo>
                    <a:pt x="4504944" y="310896"/>
                  </a:lnTo>
                  <a:lnTo>
                    <a:pt x="4504944" y="324612"/>
                  </a:lnTo>
                  <a:close/>
                </a:path>
                <a:path w="10587355" h="325119">
                  <a:moveTo>
                    <a:pt x="4408932" y="324612"/>
                  </a:moveTo>
                  <a:lnTo>
                    <a:pt x="4354068" y="324612"/>
                  </a:lnTo>
                  <a:lnTo>
                    <a:pt x="4354068" y="310896"/>
                  </a:lnTo>
                  <a:lnTo>
                    <a:pt x="4408932" y="310896"/>
                  </a:lnTo>
                  <a:lnTo>
                    <a:pt x="4408932" y="324612"/>
                  </a:lnTo>
                  <a:close/>
                </a:path>
                <a:path w="10587355" h="325119">
                  <a:moveTo>
                    <a:pt x="4312920" y="324612"/>
                  </a:moveTo>
                  <a:lnTo>
                    <a:pt x="4258056" y="324612"/>
                  </a:lnTo>
                  <a:lnTo>
                    <a:pt x="4258056" y="310896"/>
                  </a:lnTo>
                  <a:lnTo>
                    <a:pt x="4312920" y="310896"/>
                  </a:lnTo>
                  <a:lnTo>
                    <a:pt x="4312920" y="324612"/>
                  </a:lnTo>
                  <a:close/>
                </a:path>
                <a:path w="10587355" h="325119">
                  <a:moveTo>
                    <a:pt x="4216908" y="324612"/>
                  </a:moveTo>
                  <a:lnTo>
                    <a:pt x="4162044" y="324612"/>
                  </a:lnTo>
                  <a:lnTo>
                    <a:pt x="4162044" y="310896"/>
                  </a:lnTo>
                  <a:lnTo>
                    <a:pt x="4216908" y="310896"/>
                  </a:lnTo>
                  <a:lnTo>
                    <a:pt x="4216908" y="324612"/>
                  </a:lnTo>
                  <a:close/>
                </a:path>
                <a:path w="10587355" h="325119">
                  <a:moveTo>
                    <a:pt x="4120896" y="324612"/>
                  </a:moveTo>
                  <a:lnTo>
                    <a:pt x="4066032" y="324612"/>
                  </a:lnTo>
                  <a:lnTo>
                    <a:pt x="4066032" y="310896"/>
                  </a:lnTo>
                  <a:lnTo>
                    <a:pt x="4120896" y="310896"/>
                  </a:lnTo>
                  <a:lnTo>
                    <a:pt x="4120896" y="324612"/>
                  </a:lnTo>
                  <a:close/>
                </a:path>
                <a:path w="10587355" h="325119">
                  <a:moveTo>
                    <a:pt x="4024884" y="324612"/>
                  </a:moveTo>
                  <a:lnTo>
                    <a:pt x="3970020" y="324612"/>
                  </a:lnTo>
                  <a:lnTo>
                    <a:pt x="3970020" y="310896"/>
                  </a:lnTo>
                  <a:lnTo>
                    <a:pt x="4024884" y="310896"/>
                  </a:lnTo>
                  <a:lnTo>
                    <a:pt x="4024884" y="324612"/>
                  </a:lnTo>
                  <a:close/>
                </a:path>
                <a:path w="10587355" h="325119">
                  <a:moveTo>
                    <a:pt x="3928872" y="324612"/>
                  </a:moveTo>
                  <a:lnTo>
                    <a:pt x="3874008" y="324612"/>
                  </a:lnTo>
                  <a:lnTo>
                    <a:pt x="3874008" y="310896"/>
                  </a:lnTo>
                  <a:lnTo>
                    <a:pt x="3928872" y="310896"/>
                  </a:lnTo>
                  <a:lnTo>
                    <a:pt x="3928872" y="324612"/>
                  </a:lnTo>
                  <a:close/>
                </a:path>
                <a:path w="10587355" h="325119">
                  <a:moveTo>
                    <a:pt x="3832860" y="324612"/>
                  </a:moveTo>
                  <a:lnTo>
                    <a:pt x="3777996" y="324612"/>
                  </a:lnTo>
                  <a:lnTo>
                    <a:pt x="3777996" y="310896"/>
                  </a:lnTo>
                  <a:lnTo>
                    <a:pt x="3832860" y="310896"/>
                  </a:lnTo>
                  <a:lnTo>
                    <a:pt x="3832860" y="324612"/>
                  </a:lnTo>
                  <a:close/>
                </a:path>
                <a:path w="10587355" h="325119">
                  <a:moveTo>
                    <a:pt x="3736848" y="324612"/>
                  </a:moveTo>
                  <a:lnTo>
                    <a:pt x="3681984" y="324612"/>
                  </a:lnTo>
                  <a:lnTo>
                    <a:pt x="3681984" y="310896"/>
                  </a:lnTo>
                  <a:lnTo>
                    <a:pt x="3736848" y="310896"/>
                  </a:lnTo>
                  <a:lnTo>
                    <a:pt x="3736848" y="324612"/>
                  </a:lnTo>
                  <a:close/>
                </a:path>
                <a:path w="10587355" h="325119">
                  <a:moveTo>
                    <a:pt x="3640836" y="324612"/>
                  </a:moveTo>
                  <a:lnTo>
                    <a:pt x="3585972" y="324612"/>
                  </a:lnTo>
                  <a:lnTo>
                    <a:pt x="3585972" y="310896"/>
                  </a:lnTo>
                  <a:lnTo>
                    <a:pt x="3640836" y="310896"/>
                  </a:lnTo>
                  <a:lnTo>
                    <a:pt x="3640836" y="324612"/>
                  </a:lnTo>
                  <a:close/>
                </a:path>
                <a:path w="10587355" h="325119">
                  <a:moveTo>
                    <a:pt x="3544824" y="324612"/>
                  </a:moveTo>
                  <a:lnTo>
                    <a:pt x="3489960" y="324612"/>
                  </a:lnTo>
                  <a:lnTo>
                    <a:pt x="3489960" y="310896"/>
                  </a:lnTo>
                  <a:lnTo>
                    <a:pt x="3544824" y="310896"/>
                  </a:lnTo>
                  <a:lnTo>
                    <a:pt x="3544824" y="324612"/>
                  </a:lnTo>
                  <a:close/>
                </a:path>
                <a:path w="10587355" h="325119">
                  <a:moveTo>
                    <a:pt x="3448812" y="324612"/>
                  </a:moveTo>
                  <a:lnTo>
                    <a:pt x="3393948" y="324612"/>
                  </a:lnTo>
                  <a:lnTo>
                    <a:pt x="3393948" y="310896"/>
                  </a:lnTo>
                  <a:lnTo>
                    <a:pt x="3448812" y="310896"/>
                  </a:lnTo>
                  <a:lnTo>
                    <a:pt x="3448812" y="324612"/>
                  </a:lnTo>
                  <a:close/>
                </a:path>
                <a:path w="10587355" h="325119">
                  <a:moveTo>
                    <a:pt x="3352800" y="324612"/>
                  </a:moveTo>
                  <a:lnTo>
                    <a:pt x="3297936" y="324612"/>
                  </a:lnTo>
                  <a:lnTo>
                    <a:pt x="3297936" y="310896"/>
                  </a:lnTo>
                  <a:lnTo>
                    <a:pt x="3352800" y="310896"/>
                  </a:lnTo>
                  <a:lnTo>
                    <a:pt x="3352800" y="324612"/>
                  </a:lnTo>
                  <a:close/>
                </a:path>
                <a:path w="10587355" h="325119">
                  <a:moveTo>
                    <a:pt x="3256788" y="324612"/>
                  </a:moveTo>
                  <a:lnTo>
                    <a:pt x="3201924" y="324612"/>
                  </a:lnTo>
                  <a:lnTo>
                    <a:pt x="3201924" y="310896"/>
                  </a:lnTo>
                  <a:lnTo>
                    <a:pt x="3256788" y="310896"/>
                  </a:lnTo>
                  <a:lnTo>
                    <a:pt x="3256788" y="324612"/>
                  </a:lnTo>
                  <a:close/>
                </a:path>
                <a:path w="10587355" h="325119">
                  <a:moveTo>
                    <a:pt x="3160776" y="324612"/>
                  </a:moveTo>
                  <a:lnTo>
                    <a:pt x="3105912" y="324612"/>
                  </a:lnTo>
                  <a:lnTo>
                    <a:pt x="3105912" y="310896"/>
                  </a:lnTo>
                  <a:lnTo>
                    <a:pt x="3160776" y="310896"/>
                  </a:lnTo>
                  <a:lnTo>
                    <a:pt x="3160776" y="324612"/>
                  </a:lnTo>
                  <a:close/>
                </a:path>
                <a:path w="10587355" h="325119">
                  <a:moveTo>
                    <a:pt x="3064764" y="324612"/>
                  </a:moveTo>
                  <a:lnTo>
                    <a:pt x="3009900" y="324612"/>
                  </a:lnTo>
                  <a:lnTo>
                    <a:pt x="3009900" y="310896"/>
                  </a:lnTo>
                  <a:lnTo>
                    <a:pt x="3064764" y="310896"/>
                  </a:lnTo>
                  <a:lnTo>
                    <a:pt x="3064764" y="324612"/>
                  </a:lnTo>
                  <a:close/>
                </a:path>
                <a:path w="10587355" h="325119">
                  <a:moveTo>
                    <a:pt x="2968752" y="324612"/>
                  </a:moveTo>
                  <a:lnTo>
                    <a:pt x="2913888" y="324612"/>
                  </a:lnTo>
                  <a:lnTo>
                    <a:pt x="2913888" y="310896"/>
                  </a:lnTo>
                  <a:lnTo>
                    <a:pt x="2968752" y="310896"/>
                  </a:lnTo>
                  <a:lnTo>
                    <a:pt x="2968752" y="324612"/>
                  </a:lnTo>
                  <a:close/>
                </a:path>
                <a:path w="10587355" h="325119">
                  <a:moveTo>
                    <a:pt x="2872740" y="324612"/>
                  </a:moveTo>
                  <a:lnTo>
                    <a:pt x="2817876" y="324612"/>
                  </a:lnTo>
                  <a:lnTo>
                    <a:pt x="2817876" y="310896"/>
                  </a:lnTo>
                  <a:lnTo>
                    <a:pt x="2872740" y="310896"/>
                  </a:lnTo>
                  <a:lnTo>
                    <a:pt x="2872740" y="324612"/>
                  </a:lnTo>
                  <a:close/>
                </a:path>
                <a:path w="10587355" h="325119">
                  <a:moveTo>
                    <a:pt x="2776728" y="324612"/>
                  </a:moveTo>
                  <a:lnTo>
                    <a:pt x="2721864" y="324612"/>
                  </a:lnTo>
                  <a:lnTo>
                    <a:pt x="2721864" y="310896"/>
                  </a:lnTo>
                  <a:lnTo>
                    <a:pt x="2776728" y="310896"/>
                  </a:lnTo>
                  <a:lnTo>
                    <a:pt x="2776728" y="324612"/>
                  </a:lnTo>
                  <a:close/>
                </a:path>
                <a:path w="10587355" h="325119">
                  <a:moveTo>
                    <a:pt x="2682240" y="324612"/>
                  </a:moveTo>
                  <a:lnTo>
                    <a:pt x="2627376" y="324612"/>
                  </a:lnTo>
                  <a:lnTo>
                    <a:pt x="2627376" y="310896"/>
                  </a:lnTo>
                  <a:lnTo>
                    <a:pt x="2682240" y="310896"/>
                  </a:lnTo>
                  <a:lnTo>
                    <a:pt x="2682240" y="324612"/>
                  </a:lnTo>
                  <a:close/>
                </a:path>
                <a:path w="10587355" h="325119">
                  <a:moveTo>
                    <a:pt x="2586228" y="324612"/>
                  </a:moveTo>
                  <a:lnTo>
                    <a:pt x="2531364" y="324612"/>
                  </a:lnTo>
                  <a:lnTo>
                    <a:pt x="2531364" y="310896"/>
                  </a:lnTo>
                  <a:lnTo>
                    <a:pt x="2586228" y="310896"/>
                  </a:lnTo>
                  <a:lnTo>
                    <a:pt x="2586228" y="324612"/>
                  </a:lnTo>
                  <a:close/>
                </a:path>
                <a:path w="10587355" h="325119">
                  <a:moveTo>
                    <a:pt x="2490216" y="324612"/>
                  </a:moveTo>
                  <a:lnTo>
                    <a:pt x="2435352" y="324612"/>
                  </a:lnTo>
                  <a:lnTo>
                    <a:pt x="2435352" y="310896"/>
                  </a:lnTo>
                  <a:lnTo>
                    <a:pt x="2490216" y="310896"/>
                  </a:lnTo>
                  <a:lnTo>
                    <a:pt x="2490216" y="324612"/>
                  </a:lnTo>
                  <a:close/>
                </a:path>
                <a:path w="10587355" h="325119">
                  <a:moveTo>
                    <a:pt x="2394204" y="324612"/>
                  </a:moveTo>
                  <a:lnTo>
                    <a:pt x="2339340" y="324612"/>
                  </a:lnTo>
                  <a:lnTo>
                    <a:pt x="2339340" y="310896"/>
                  </a:lnTo>
                  <a:lnTo>
                    <a:pt x="2394204" y="310896"/>
                  </a:lnTo>
                  <a:lnTo>
                    <a:pt x="2394204" y="324612"/>
                  </a:lnTo>
                  <a:close/>
                </a:path>
                <a:path w="10587355" h="325119">
                  <a:moveTo>
                    <a:pt x="2298192" y="324612"/>
                  </a:moveTo>
                  <a:lnTo>
                    <a:pt x="2243328" y="324612"/>
                  </a:lnTo>
                  <a:lnTo>
                    <a:pt x="2243328" y="310896"/>
                  </a:lnTo>
                  <a:lnTo>
                    <a:pt x="2298192" y="310896"/>
                  </a:lnTo>
                  <a:lnTo>
                    <a:pt x="2298192" y="324612"/>
                  </a:lnTo>
                  <a:close/>
                </a:path>
                <a:path w="10587355" h="325119">
                  <a:moveTo>
                    <a:pt x="2202180" y="324612"/>
                  </a:moveTo>
                  <a:lnTo>
                    <a:pt x="2147316" y="324612"/>
                  </a:lnTo>
                  <a:lnTo>
                    <a:pt x="2147316" y="310896"/>
                  </a:lnTo>
                  <a:lnTo>
                    <a:pt x="2202180" y="310896"/>
                  </a:lnTo>
                  <a:lnTo>
                    <a:pt x="2202180" y="324612"/>
                  </a:lnTo>
                  <a:close/>
                </a:path>
                <a:path w="10587355" h="325119">
                  <a:moveTo>
                    <a:pt x="2106168" y="324612"/>
                  </a:moveTo>
                  <a:lnTo>
                    <a:pt x="2051304" y="324612"/>
                  </a:lnTo>
                  <a:lnTo>
                    <a:pt x="2051304" y="310896"/>
                  </a:lnTo>
                  <a:lnTo>
                    <a:pt x="2106168" y="310896"/>
                  </a:lnTo>
                  <a:lnTo>
                    <a:pt x="2106168" y="324612"/>
                  </a:lnTo>
                  <a:close/>
                </a:path>
                <a:path w="10587355" h="325119">
                  <a:moveTo>
                    <a:pt x="2010156" y="324612"/>
                  </a:moveTo>
                  <a:lnTo>
                    <a:pt x="1955292" y="324612"/>
                  </a:lnTo>
                  <a:lnTo>
                    <a:pt x="1955292" y="310896"/>
                  </a:lnTo>
                  <a:lnTo>
                    <a:pt x="2010156" y="310896"/>
                  </a:lnTo>
                  <a:lnTo>
                    <a:pt x="2010156" y="324612"/>
                  </a:lnTo>
                  <a:close/>
                </a:path>
                <a:path w="10587355" h="325119">
                  <a:moveTo>
                    <a:pt x="1914144" y="324612"/>
                  </a:moveTo>
                  <a:lnTo>
                    <a:pt x="1859280" y="324612"/>
                  </a:lnTo>
                  <a:lnTo>
                    <a:pt x="1859280" y="310896"/>
                  </a:lnTo>
                  <a:lnTo>
                    <a:pt x="1914144" y="310896"/>
                  </a:lnTo>
                  <a:lnTo>
                    <a:pt x="1914144" y="324612"/>
                  </a:lnTo>
                  <a:close/>
                </a:path>
                <a:path w="10587355" h="325119">
                  <a:moveTo>
                    <a:pt x="1818132" y="324612"/>
                  </a:moveTo>
                  <a:lnTo>
                    <a:pt x="1763268" y="324612"/>
                  </a:lnTo>
                  <a:lnTo>
                    <a:pt x="1763268" y="310896"/>
                  </a:lnTo>
                  <a:lnTo>
                    <a:pt x="1818132" y="310896"/>
                  </a:lnTo>
                  <a:lnTo>
                    <a:pt x="1818132" y="324612"/>
                  </a:lnTo>
                  <a:close/>
                </a:path>
                <a:path w="10587355" h="325119">
                  <a:moveTo>
                    <a:pt x="1722120" y="324612"/>
                  </a:moveTo>
                  <a:lnTo>
                    <a:pt x="1667256" y="324612"/>
                  </a:lnTo>
                  <a:lnTo>
                    <a:pt x="1667256" y="310896"/>
                  </a:lnTo>
                  <a:lnTo>
                    <a:pt x="1722120" y="310896"/>
                  </a:lnTo>
                  <a:lnTo>
                    <a:pt x="1722120" y="324612"/>
                  </a:lnTo>
                  <a:close/>
                </a:path>
                <a:path w="10587355" h="325119">
                  <a:moveTo>
                    <a:pt x="1626108" y="324612"/>
                  </a:moveTo>
                  <a:lnTo>
                    <a:pt x="1571244" y="324612"/>
                  </a:lnTo>
                  <a:lnTo>
                    <a:pt x="1571244" y="310896"/>
                  </a:lnTo>
                  <a:lnTo>
                    <a:pt x="1626108" y="310896"/>
                  </a:lnTo>
                  <a:lnTo>
                    <a:pt x="1626108" y="324612"/>
                  </a:lnTo>
                  <a:close/>
                </a:path>
                <a:path w="10587355" h="325119">
                  <a:moveTo>
                    <a:pt x="1530096" y="324612"/>
                  </a:moveTo>
                  <a:lnTo>
                    <a:pt x="1475232" y="324612"/>
                  </a:lnTo>
                  <a:lnTo>
                    <a:pt x="1475232" y="310896"/>
                  </a:lnTo>
                  <a:lnTo>
                    <a:pt x="1530096" y="310896"/>
                  </a:lnTo>
                  <a:lnTo>
                    <a:pt x="1530096" y="324612"/>
                  </a:lnTo>
                  <a:close/>
                </a:path>
                <a:path w="10587355" h="325119">
                  <a:moveTo>
                    <a:pt x="1434084" y="324612"/>
                  </a:moveTo>
                  <a:lnTo>
                    <a:pt x="1379220" y="324612"/>
                  </a:lnTo>
                  <a:lnTo>
                    <a:pt x="1379220" y="310896"/>
                  </a:lnTo>
                  <a:lnTo>
                    <a:pt x="1434084" y="310896"/>
                  </a:lnTo>
                  <a:lnTo>
                    <a:pt x="1434084" y="324612"/>
                  </a:lnTo>
                  <a:close/>
                </a:path>
                <a:path w="10587355" h="325119">
                  <a:moveTo>
                    <a:pt x="1338072" y="324612"/>
                  </a:moveTo>
                  <a:lnTo>
                    <a:pt x="1283208" y="324612"/>
                  </a:lnTo>
                  <a:lnTo>
                    <a:pt x="1283208" y="310896"/>
                  </a:lnTo>
                  <a:lnTo>
                    <a:pt x="1338072" y="310896"/>
                  </a:lnTo>
                  <a:lnTo>
                    <a:pt x="1338072" y="324612"/>
                  </a:lnTo>
                  <a:close/>
                </a:path>
                <a:path w="10587355" h="325119">
                  <a:moveTo>
                    <a:pt x="1242060" y="324612"/>
                  </a:moveTo>
                  <a:lnTo>
                    <a:pt x="1187196" y="324612"/>
                  </a:lnTo>
                  <a:lnTo>
                    <a:pt x="1187196" y="310896"/>
                  </a:lnTo>
                  <a:lnTo>
                    <a:pt x="1242060" y="310896"/>
                  </a:lnTo>
                  <a:lnTo>
                    <a:pt x="1242060" y="324612"/>
                  </a:lnTo>
                  <a:close/>
                </a:path>
                <a:path w="10587355" h="325119">
                  <a:moveTo>
                    <a:pt x="1146048" y="324612"/>
                  </a:moveTo>
                  <a:lnTo>
                    <a:pt x="1091184" y="324612"/>
                  </a:lnTo>
                  <a:lnTo>
                    <a:pt x="1091184" y="310896"/>
                  </a:lnTo>
                  <a:lnTo>
                    <a:pt x="1146048" y="310896"/>
                  </a:lnTo>
                  <a:lnTo>
                    <a:pt x="1146048" y="324612"/>
                  </a:lnTo>
                  <a:close/>
                </a:path>
                <a:path w="10587355" h="325119">
                  <a:moveTo>
                    <a:pt x="1050036" y="324612"/>
                  </a:moveTo>
                  <a:lnTo>
                    <a:pt x="995172" y="324612"/>
                  </a:lnTo>
                  <a:lnTo>
                    <a:pt x="995172" y="310896"/>
                  </a:lnTo>
                  <a:lnTo>
                    <a:pt x="1050036" y="310896"/>
                  </a:lnTo>
                  <a:lnTo>
                    <a:pt x="1050036" y="324612"/>
                  </a:lnTo>
                  <a:close/>
                </a:path>
                <a:path w="10587355" h="325119">
                  <a:moveTo>
                    <a:pt x="954024" y="324612"/>
                  </a:moveTo>
                  <a:lnTo>
                    <a:pt x="899160" y="324612"/>
                  </a:lnTo>
                  <a:lnTo>
                    <a:pt x="899160" y="310896"/>
                  </a:lnTo>
                  <a:lnTo>
                    <a:pt x="954024" y="310896"/>
                  </a:lnTo>
                  <a:lnTo>
                    <a:pt x="954024" y="324612"/>
                  </a:lnTo>
                  <a:close/>
                </a:path>
                <a:path w="10587355" h="325119">
                  <a:moveTo>
                    <a:pt x="858012" y="324612"/>
                  </a:moveTo>
                  <a:lnTo>
                    <a:pt x="803148" y="324612"/>
                  </a:lnTo>
                  <a:lnTo>
                    <a:pt x="803148" y="310896"/>
                  </a:lnTo>
                  <a:lnTo>
                    <a:pt x="858012" y="310896"/>
                  </a:lnTo>
                  <a:lnTo>
                    <a:pt x="858012" y="324612"/>
                  </a:lnTo>
                  <a:close/>
                </a:path>
                <a:path w="10587355" h="325119">
                  <a:moveTo>
                    <a:pt x="762000" y="324612"/>
                  </a:moveTo>
                  <a:lnTo>
                    <a:pt x="707136" y="324612"/>
                  </a:lnTo>
                  <a:lnTo>
                    <a:pt x="707136" y="310896"/>
                  </a:lnTo>
                  <a:lnTo>
                    <a:pt x="762000" y="310896"/>
                  </a:lnTo>
                  <a:lnTo>
                    <a:pt x="762000" y="324612"/>
                  </a:lnTo>
                  <a:close/>
                </a:path>
                <a:path w="10587355" h="325119">
                  <a:moveTo>
                    <a:pt x="665988" y="324612"/>
                  </a:moveTo>
                  <a:lnTo>
                    <a:pt x="611124" y="324612"/>
                  </a:lnTo>
                  <a:lnTo>
                    <a:pt x="611124" y="310896"/>
                  </a:lnTo>
                  <a:lnTo>
                    <a:pt x="665988" y="310896"/>
                  </a:lnTo>
                  <a:lnTo>
                    <a:pt x="665988" y="324612"/>
                  </a:lnTo>
                  <a:close/>
                </a:path>
                <a:path w="10587355" h="325119">
                  <a:moveTo>
                    <a:pt x="569976" y="324612"/>
                  </a:moveTo>
                  <a:lnTo>
                    <a:pt x="515112" y="324612"/>
                  </a:lnTo>
                  <a:lnTo>
                    <a:pt x="515112" y="310896"/>
                  </a:lnTo>
                  <a:lnTo>
                    <a:pt x="569976" y="310896"/>
                  </a:lnTo>
                  <a:lnTo>
                    <a:pt x="569976" y="324612"/>
                  </a:lnTo>
                  <a:close/>
                </a:path>
                <a:path w="10587355" h="325119">
                  <a:moveTo>
                    <a:pt x="473964" y="324612"/>
                  </a:moveTo>
                  <a:lnTo>
                    <a:pt x="419100" y="324612"/>
                  </a:lnTo>
                  <a:lnTo>
                    <a:pt x="419100" y="310896"/>
                  </a:lnTo>
                  <a:lnTo>
                    <a:pt x="473964" y="310896"/>
                  </a:lnTo>
                  <a:lnTo>
                    <a:pt x="473964" y="324612"/>
                  </a:lnTo>
                  <a:close/>
                </a:path>
                <a:path w="10587355" h="325119">
                  <a:moveTo>
                    <a:pt x="377952" y="324612"/>
                  </a:moveTo>
                  <a:lnTo>
                    <a:pt x="323088" y="324612"/>
                  </a:lnTo>
                  <a:lnTo>
                    <a:pt x="323088" y="310896"/>
                  </a:lnTo>
                  <a:lnTo>
                    <a:pt x="377952" y="310896"/>
                  </a:lnTo>
                  <a:lnTo>
                    <a:pt x="377952" y="324612"/>
                  </a:lnTo>
                  <a:close/>
                </a:path>
                <a:path w="10587355" h="325119">
                  <a:moveTo>
                    <a:pt x="281940" y="324612"/>
                  </a:moveTo>
                  <a:lnTo>
                    <a:pt x="228600" y="324612"/>
                  </a:lnTo>
                  <a:lnTo>
                    <a:pt x="228600" y="310896"/>
                  </a:lnTo>
                  <a:lnTo>
                    <a:pt x="281940" y="310896"/>
                  </a:lnTo>
                  <a:lnTo>
                    <a:pt x="281940" y="324612"/>
                  </a:lnTo>
                  <a:close/>
                </a:path>
                <a:path w="10587355" h="325119">
                  <a:moveTo>
                    <a:pt x="187452" y="324612"/>
                  </a:moveTo>
                  <a:lnTo>
                    <a:pt x="132588" y="324612"/>
                  </a:lnTo>
                  <a:lnTo>
                    <a:pt x="132588" y="310896"/>
                  </a:lnTo>
                  <a:lnTo>
                    <a:pt x="187452" y="310896"/>
                  </a:lnTo>
                  <a:lnTo>
                    <a:pt x="187452" y="324612"/>
                  </a:lnTo>
                  <a:close/>
                </a:path>
                <a:path w="10587355" h="325119">
                  <a:moveTo>
                    <a:pt x="91440" y="324612"/>
                  </a:moveTo>
                  <a:lnTo>
                    <a:pt x="36576" y="324612"/>
                  </a:lnTo>
                  <a:lnTo>
                    <a:pt x="36576" y="310896"/>
                  </a:lnTo>
                  <a:lnTo>
                    <a:pt x="91440" y="310896"/>
                  </a:lnTo>
                  <a:lnTo>
                    <a:pt x="91440" y="324612"/>
                  </a:lnTo>
                  <a:close/>
                </a:path>
              </a:pathLst>
            </a:custGeom>
            <a:solidFill>
              <a:srgbClr val="A4A4A4"/>
            </a:solidFill>
          </p:spPr>
          <p:txBody>
            <a:bodyPr wrap="square" lIns="0" tIns="0" rIns="0" bIns="0" rtlCol="0"/>
            <a:lstStyle/>
            <a:p>
              <a:endParaRPr sz="1632"/>
            </a:p>
          </p:txBody>
        </p:sp>
      </p:grpSp>
      <p:grpSp>
        <p:nvGrpSpPr>
          <p:cNvPr id="6" name="object 6"/>
          <p:cNvGrpSpPr/>
          <p:nvPr/>
        </p:nvGrpSpPr>
        <p:grpSpPr>
          <a:xfrm>
            <a:off x="1493597" y="1288683"/>
            <a:ext cx="2640704" cy="2800206"/>
            <a:chOff x="271272" y="1421130"/>
            <a:chExt cx="2912110" cy="3088005"/>
          </a:xfrm>
        </p:grpSpPr>
        <p:pic>
          <p:nvPicPr>
            <p:cNvPr id="7" name="object 7"/>
            <p:cNvPicPr/>
            <p:nvPr/>
          </p:nvPicPr>
          <p:blipFill>
            <a:blip r:embed="rId2" cstate="print"/>
            <a:stretch>
              <a:fillRect/>
            </a:stretch>
          </p:blipFill>
          <p:spPr>
            <a:xfrm>
              <a:off x="278892" y="1427988"/>
              <a:ext cx="2897124" cy="3073908"/>
            </a:xfrm>
            <a:prstGeom prst="rect">
              <a:avLst/>
            </a:prstGeom>
          </p:spPr>
        </p:pic>
        <p:sp>
          <p:nvSpPr>
            <p:cNvPr id="8" name="object 8"/>
            <p:cNvSpPr/>
            <p:nvPr/>
          </p:nvSpPr>
          <p:spPr>
            <a:xfrm>
              <a:off x="271272" y="1797557"/>
              <a:ext cx="2910840" cy="2399030"/>
            </a:xfrm>
            <a:custGeom>
              <a:avLst/>
              <a:gdLst/>
              <a:ahLst/>
              <a:cxnLst/>
              <a:rect l="l" t="t" r="r" b="b"/>
              <a:pathLst>
                <a:path w="2910840" h="2399029">
                  <a:moveTo>
                    <a:pt x="2910840" y="2385060"/>
                  </a:moveTo>
                  <a:lnTo>
                    <a:pt x="0" y="2385060"/>
                  </a:lnTo>
                  <a:lnTo>
                    <a:pt x="0" y="2398776"/>
                  </a:lnTo>
                  <a:lnTo>
                    <a:pt x="2910840" y="2398776"/>
                  </a:lnTo>
                  <a:lnTo>
                    <a:pt x="2910840" y="2385060"/>
                  </a:lnTo>
                  <a:close/>
                </a:path>
                <a:path w="2910840" h="2399029">
                  <a:moveTo>
                    <a:pt x="2910840" y="1857756"/>
                  </a:moveTo>
                  <a:lnTo>
                    <a:pt x="0" y="1857756"/>
                  </a:lnTo>
                  <a:lnTo>
                    <a:pt x="0" y="1871472"/>
                  </a:lnTo>
                  <a:lnTo>
                    <a:pt x="2910840" y="1871472"/>
                  </a:lnTo>
                  <a:lnTo>
                    <a:pt x="2910840" y="1857756"/>
                  </a:lnTo>
                  <a:close/>
                </a:path>
                <a:path w="2910840" h="2399029">
                  <a:moveTo>
                    <a:pt x="2910840" y="1418844"/>
                  </a:moveTo>
                  <a:lnTo>
                    <a:pt x="0" y="1418844"/>
                  </a:lnTo>
                  <a:lnTo>
                    <a:pt x="0" y="1432560"/>
                  </a:lnTo>
                  <a:lnTo>
                    <a:pt x="2910840" y="1432560"/>
                  </a:lnTo>
                  <a:lnTo>
                    <a:pt x="2910840" y="1418844"/>
                  </a:lnTo>
                  <a:close/>
                </a:path>
                <a:path w="2910840" h="2399029">
                  <a:moveTo>
                    <a:pt x="2910840" y="978408"/>
                  </a:moveTo>
                  <a:lnTo>
                    <a:pt x="0" y="978408"/>
                  </a:lnTo>
                  <a:lnTo>
                    <a:pt x="0" y="992124"/>
                  </a:lnTo>
                  <a:lnTo>
                    <a:pt x="2910840" y="992124"/>
                  </a:lnTo>
                  <a:lnTo>
                    <a:pt x="2910840" y="978408"/>
                  </a:lnTo>
                  <a:close/>
                </a:path>
                <a:path w="2910840" h="2399029">
                  <a:moveTo>
                    <a:pt x="2910840" y="539496"/>
                  </a:moveTo>
                  <a:lnTo>
                    <a:pt x="0" y="539496"/>
                  </a:lnTo>
                  <a:lnTo>
                    <a:pt x="0" y="553212"/>
                  </a:lnTo>
                  <a:lnTo>
                    <a:pt x="2910840" y="553212"/>
                  </a:lnTo>
                  <a:lnTo>
                    <a:pt x="2910840" y="539496"/>
                  </a:lnTo>
                  <a:close/>
                </a:path>
                <a:path w="2910840" h="2399029">
                  <a:moveTo>
                    <a:pt x="2910840" y="0"/>
                  </a:moveTo>
                  <a:lnTo>
                    <a:pt x="0" y="0"/>
                  </a:lnTo>
                  <a:lnTo>
                    <a:pt x="0" y="41148"/>
                  </a:lnTo>
                  <a:lnTo>
                    <a:pt x="2910840" y="41148"/>
                  </a:lnTo>
                  <a:lnTo>
                    <a:pt x="2910840" y="0"/>
                  </a:lnTo>
                  <a:close/>
                </a:path>
              </a:pathLst>
            </a:custGeom>
            <a:solidFill>
              <a:srgbClr val="FFFFFF"/>
            </a:solidFill>
          </p:spPr>
          <p:txBody>
            <a:bodyPr wrap="square" lIns="0" tIns="0" rIns="0" bIns="0" rtlCol="0"/>
            <a:lstStyle/>
            <a:p>
              <a:endParaRPr sz="1632"/>
            </a:p>
          </p:txBody>
        </p:sp>
        <p:sp>
          <p:nvSpPr>
            <p:cNvPr id="9" name="object 9"/>
            <p:cNvSpPr/>
            <p:nvPr/>
          </p:nvSpPr>
          <p:spPr>
            <a:xfrm>
              <a:off x="278892" y="1421892"/>
              <a:ext cx="0" cy="3086100"/>
            </a:xfrm>
            <a:custGeom>
              <a:avLst/>
              <a:gdLst/>
              <a:ahLst/>
              <a:cxnLst/>
              <a:rect l="l" t="t" r="r" b="b"/>
              <a:pathLst>
                <a:path h="3086100">
                  <a:moveTo>
                    <a:pt x="0" y="0"/>
                  </a:moveTo>
                  <a:lnTo>
                    <a:pt x="0" y="3086100"/>
                  </a:lnTo>
                </a:path>
              </a:pathLst>
            </a:custGeom>
            <a:ln w="13716">
              <a:solidFill>
                <a:srgbClr val="FFFFFF"/>
              </a:solidFill>
            </a:ln>
          </p:spPr>
          <p:txBody>
            <a:bodyPr wrap="square" lIns="0" tIns="0" rIns="0" bIns="0" rtlCol="0"/>
            <a:lstStyle/>
            <a:p>
              <a:endParaRPr sz="1632"/>
            </a:p>
          </p:txBody>
        </p:sp>
        <p:sp>
          <p:nvSpPr>
            <p:cNvPr id="10" name="object 10"/>
            <p:cNvSpPr/>
            <p:nvPr/>
          </p:nvSpPr>
          <p:spPr>
            <a:xfrm>
              <a:off x="3176016" y="1421892"/>
              <a:ext cx="0" cy="3086100"/>
            </a:xfrm>
            <a:custGeom>
              <a:avLst/>
              <a:gdLst/>
              <a:ahLst/>
              <a:cxnLst/>
              <a:rect l="l" t="t" r="r" b="b"/>
              <a:pathLst>
                <a:path h="3086100">
                  <a:moveTo>
                    <a:pt x="0" y="0"/>
                  </a:moveTo>
                  <a:lnTo>
                    <a:pt x="0" y="3086100"/>
                  </a:lnTo>
                </a:path>
              </a:pathLst>
            </a:custGeom>
            <a:ln w="13716">
              <a:solidFill>
                <a:srgbClr val="FFFFFF"/>
              </a:solidFill>
            </a:ln>
          </p:spPr>
          <p:txBody>
            <a:bodyPr wrap="square" lIns="0" tIns="0" rIns="0" bIns="0" rtlCol="0"/>
            <a:lstStyle/>
            <a:p>
              <a:endParaRPr sz="1632"/>
            </a:p>
          </p:txBody>
        </p:sp>
        <p:sp>
          <p:nvSpPr>
            <p:cNvPr id="11" name="object 11"/>
            <p:cNvSpPr/>
            <p:nvPr/>
          </p:nvSpPr>
          <p:spPr>
            <a:xfrm>
              <a:off x="271272" y="1427988"/>
              <a:ext cx="2910840" cy="0"/>
            </a:xfrm>
            <a:custGeom>
              <a:avLst/>
              <a:gdLst/>
              <a:ahLst/>
              <a:cxnLst/>
              <a:rect l="l" t="t" r="r" b="b"/>
              <a:pathLst>
                <a:path w="2910840">
                  <a:moveTo>
                    <a:pt x="0" y="0"/>
                  </a:moveTo>
                  <a:lnTo>
                    <a:pt x="2910840" y="0"/>
                  </a:lnTo>
                </a:path>
              </a:pathLst>
            </a:custGeom>
            <a:ln w="13716">
              <a:solidFill>
                <a:srgbClr val="FFFFFF"/>
              </a:solidFill>
            </a:ln>
          </p:spPr>
          <p:txBody>
            <a:bodyPr wrap="square" lIns="0" tIns="0" rIns="0" bIns="0" rtlCol="0"/>
            <a:lstStyle/>
            <a:p>
              <a:endParaRPr sz="1632"/>
            </a:p>
          </p:txBody>
        </p:sp>
        <p:sp>
          <p:nvSpPr>
            <p:cNvPr id="12" name="object 12"/>
            <p:cNvSpPr/>
            <p:nvPr/>
          </p:nvSpPr>
          <p:spPr>
            <a:xfrm>
              <a:off x="271272" y="4501896"/>
              <a:ext cx="2910840" cy="0"/>
            </a:xfrm>
            <a:custGeom>
              <a:avLst/>
              <a:gdLst/>
              <a:ahLst/>
              <a:cxnLst/>
              <a:rect l="l" t="t" r="r" b="b"/>
              <a:pathLst>
                <a:path w="2910840">
                  <a:moveTo>
                    <a:pt x="0" y="0"/>
                  </a:moveTo>
                  <a:lnTo>
                    <a:pt x="2910840" y="0"/>
                  </a:lnTo>
                </a:path>
              </a:pathLst>
            </a:custGeom>
            <a:ln w="13716">
              <a:solidFill>
                <a:srgbClr val="FFFFFF"/>
              </a:solidFill>
            </a:ln>
          </p:spPr>
          <p:txBody>
            <a:bodyPr wrap="square" lIns="0" tIns="0" rIns="0" bIns="0" rtlCol="0"/>
            <a:lstStyle/>
            <a:p>
              <a:endParaRPr sz="1632"/>
            </a:p>
          </p:txBody>
        </p:sp>
      </p:grpSp>
      <p:sp>
        <p:nvSpPr>
          <p:cNvPr id="13" name="object 13"/>
          <p:cNvSpPr txBox="1"/>
          <p:nvPr/>
        </p:nvSpPr>
        <p:spPr>
          <a:xfrm>
            <a:off x="1576051" y="2613370"/>
            <a:ext cx="2465655" cy="1382838"/>
          </a:xfrm>
          <a:prstGeom prst="rect">
            <a:avLst/>
          </a:prstGeom>
        </p:spPr>
        <p:txBody>
          <a:bodyPr vert="horz" wrap="square" lIns="0" tIns="11516" rIns="0" bIns="0" rtlCol="0">
            <a:spAutoFit/>
          </a:bodyPr>
          <a:lstStyle/>
          <a:p>
            <a:pPr marL="11516">
              <a:spcBef>
                <a:spcPts val="91"/>
              </a:spcBef>
            </a:pPr>
            <a:r>
              <a:rPr sz="1270" spc="-9" dirty="0">
                <a:solidFill>
                  <a:srgbClr val="3A3838"/>
                </a:solidFill>
                <a:latin typeface="Meiryo UI"/>
                <a:cs typeface="Meiryo UI"/>
              </a:rPr>
              <a:t>３．PFI</a:t>
            </a:r>
            <a:r>
              <a:rPr sz="1270" spc="-14" dirty="0">
                <a:solidFill>
                  <a:srgbClr val="3A3838"/>
                </a:solidFill>
                <a:latin typeface="Meiryo UI"/>
                <a:cs typeface="Meiryo UI"/>
              </a:rPr>
              <a:t>手法を活用することの妥当性</a:t>
            </a:r>
            <a:endParaRPr sz="1270">
              <a:latin typeface="Meiryo UI"/>
              <a:cs typeface="Meiryo UI"/>
            </a:endParaRPr>
          </a:p>
          <a:p>
            <a:pPr>
              <a:lnSpc>
                <a:spcPct val="100000"/>
              </a:lnSpc>
            </a:pPr>
            <a:endParaRPr sz="952">
              <a:latin typeface="Meiryo UI"/>
              <a:cs typeface="Meiryo UI"/>
            </a:endParaRPr>
          </a:p>
          <a:p>
            <a:pPr marL="11516"/>
            <a:r>
              <a:rPr sz="1270" spc="-9" dirty="0">
                <a:solidFill>
                  <a:srgbClr val="3A3838"/>
                </a:solidFill>
                <a:latin typeface="Meiryo UI"/>
                <a:cs typeface="Meiryo UI"/>
              </a:rPr>
              <a:t>４．財政に及ぼす影響</a:t>
            </a:r>
            <a:endParaRPr sz="1270">
              <a:latin typeface="Meiryo UI"/>
              <a:cs typeface="Meiryo UI"/>
            </a:endParaRPr>
          </a:p>
          <a:p>
            <a:pPr marL="332823" marR="4607" indent="-321882">
              <a:lnSpc>
                <a:spcPct val="100600"/>
              </a:lnSpc>
              <a:spcBef>
                <a:spcPts val="1152"/>
              </a:spcBef>
            </a:pPr>
            <a:r>
              <a:rPr sz="1270" spc="-14" dirty="0">
                <a:solidFill>
                  <a:srgbClr val="3A3838"/>
                </a:solidFill>
                <a:latin typeface="Meiryo UI"/>
                <a:cs typeface="Meiryo UI"/>
              </a:rPr>
              <a:t>５．他の手法による当該公共施設等</a:t>
            </a:r>
            <a:r>
              <a:rPr sz="1270" spc="-9" dirty="0">
                <a:solidFill>
                  <a:srgbClr val="3A3838"/>
                </a:solidFill>
                <a:latin typeface="Meiryo UI"/>
                <a:cs typeface="Meiryo UI"/>
              </a:rPr>
              <a:t>の整備等の可能性</a:t>
            </a:r>
            <a:endParaRPr sz="1270">
              <a:latin typeface="Meiryo UI"/>
              <a:cs typeface="Meiryo UI"/>
            </a:endParaRPr>
          </a:p>
          <a:p>
            <a:pPr marL="12668">
              <a:spcBef>
                <a:spcPts val="703"/>
              </a:spcBef>
            </a:pPr>
            <a:r>
              <a:rPr sz="1270" spc="-63" dirty="0">
                <a:solidFill>
                  <a:srgbClr val="3A3838"/>
                </a:solidFill>
                <a:latin typeface="Meiryo UI"/>
                <a:cs typeface="Meiryo UI"/>
              </a:rPr>
              <a:t>６．その他(適宜考慮して検討を実施)</a:t>
            </a:r>
            <a:endParaRPr sz="1270">
              <a:latin typeface="Meiryo UI"/>
              <a:cs typeface="Meiryo UI"/>
            </a:endParaRPr>
          </a:p>
        </p:txBody>
      </p:sp>
      <p:graphicFrame>
        <p:nvGraphicFramePr>
          <p:cNvPr id="14" name="object 14"/>
          <p:cNvGraphicFramePr>
            <a:graphicFrameLocks noGrp="1"/>
          </p:cNvGraphicFramePr>
          <p:nvPr/>
        </p:nvGraphicFramePr>
        <p:xfrm>
          <a:off x="4448929" y="1288682"/>
          <a:ext cx="6264330" cy="3256830"/>
        </p:xfrm>
        <a:graphic>
          <a:graphicData uri="http://schemas.openxmlformats.org/drawingml/2006/table">
            <a:tbl>
              <a:tblPr firstRow="1" bandRow="1">
                <a:tableStyleId>{2D5ABB26-0587-4C30-8999-92F81FD0307C}</a:tableStyleId>
              </a:tblPr>
              <a:tblGrid>
                <a:gridCol w="2042429">
                  <a:extLst>
                    <a:ext uri="{9D8B030D-6E8A-4147-A177-3AD203B41FA5}">
                      <a16:colId xmlns:a16="http://schemas.microsoft.com/office/drawing/2014/main" val="20000"/>
                    </a:ext>
                  </a:extLst>
                </a:gridCol>
                <a:gridCol w="2325731">
                  <a:extLst>
                    <a:ext uri="{9D8B030D-6E8A-4147-A177-3AD203B41FA5}">
                      <a16:colId xmlns:a16="http://schemas.microsoft.com/office/drawing/2014/main" val="20001"/>
                    </a:ext>
                  </a:extLst>
                </a:gridCol>
                <a:gridCol w="1896170">
                  <a:extLst>
                    <a:ext uri="{9D8B030D-6E8A-4147-A177-3AD203B41FA5}">
                      <a16:colId xmlns:a16="http://schemas.microsoft.com/office/drawing/2014/main" val="20002"/>
                    </a:ext>
                  </a:extLst>
                </a:gridCol>
              </a:tblGrid>
              <a:tr h="375434">
                <a:tc>
                  <a:txBody>
                    <a:bodyPr/>
                    <a:lstStyle/>
                    <a:p>
                      <a:pPr marL="12065" algn="ctr">
                        <a:lnSpc>
                          <a:spcPct val="100000"/>
                        </a:lnSpc>
                        <a:spcBef>
                          <a:spcPts val="509"/>
                        </a:spcBef>
                      </a:pPr>
                      <a:r>
                        <a:rPr sz="1800" dirty="0">
                          <a:solidFill>
                            <a:srgbClr val="FFFFFF"/>
                          </a:solidFill>
                          <a:latin typeface="HGP教科書体"/>
                          <a:cs typeface="HGP教科書体"/>
                        </a:rPr>
                        <a:t>◎</a:t>
                      </a:r>
                      <a:endParaRPr sz="1800">
                        <a:latin typeface="HGP教科書体"/>
                        <a:cs typeface="HGP教科書体"/>
                      </a:endParaRPr>
                    </a:p>
                  </a:txBody>
                  <a:tcPr marL="0" marR="0" marT="58733" marB="0">
                    <a:lnL w="19050">
                      <a:solidFill>
                        <a:srgbClr val="FFFFFF"/>
                      </a:solidFill>
                      <a:prstDash val="solid"/>
                    </a:lnL>
                    <a:lnR w="19050">
                      <a:solidFill>
                        <a:srgbClr val="FFFFFF"/>
                      </a:solidFill>
                      <a:prstDash val="solid"/>
                    </a:lnR>
                    <a:lnT w="19050">
                      <a:solidFill>
                        <a:srgbClr val="FFFFFF"/>
                      </a:solidFill>
                      <a:prstDash val="solid"/>
                    </a:lnT>
                    <a:lnB w="57150">
                      <a:solidFill>
                        <a:srgbClr val="FFFFFF"/>
                      </a:solidFill>
                      <a:prstDash val="solid"/>
                    </a:lnB>
                    <a:solidFill>
                      <a:srgbClr val="2D508E"/>
                    </a:solidFill>
                  </a:tcPr>
                </a:tc>
                <a:tc>
                  <a:txBody>
                    <a:bodyPr/>
                    <a:lstStyle/>
                    <a:p>
                      <a:pPr marL="13970" algn="ctr">
                        <a:lnSpc>
                          <a:spcPct val="100000"/>
                        </a:lnSpc>
                        <a:spcBef>
                          <a:spcPts val="509"/>
                        </a:spcBef>
                      </a:pPr>
                      <a:r>
                        <a:rPr sz="1800" dirty="0">
                          <a:solidFill>
                            <a:srgbClr val="FFFFFF"/>
                          </a:solidFill>
                          <a:latin typeface="HGP教科書体"/>
                          <a:cs typeface="HGP教科書体"/>
                        </a:rPr>
                        <a:t>〇</a:t>
                      </a:r>
                      <a:endParaRPr sz="1800">
                        <a:latin typeface="HGP教科書体"/>
                        <a:cs typeface="HGP教科書体"/>
                      </a:endParaRPr>
                    </a:p>
                  </a:txBody>
                  <a:tcPr marL="0" marR="0" marT="58733" marB="0">
                    <a:lnL w="19050">
                      <a:solidFill>
                        <a:srgbClr val="FFFFFF"/>
                      </a:solidFill>
                      <a:prstDash val="solid"/>
                    </a:lnL>
                    <a:lnR w="19050">
                      <a:solidFill>
                        <a:srgbClr val="FFFFFF"/>
                      </a:solidFill>
                      <a:prstDash val="solid"/>
                    </a:lnR>
                    <a:lnT w="19050">
                      <a:solidFill>
                        <a:srgbClr val="FFFFFF"/>
                      </a:solidFill>
                      <a:prstDash val="solid"/>
                    </a:lnT>
                    <a:lnB w="57150">
                      <a:solidFill>
                        <a:srgbClr val="FFFFFF"/>
                      </a:solidFill>
                      <a:prstDash val="solid"/>
                    </a:lnB>
                    <a:solidFill>
                      <a:srgbClr val="2D508E"/>
                    </a:solidFill>
                  </a:tcPr>
                </a:tc>
                <a:tc>
                  <a:txBody>
                    <a:bodyPr/>
                    <a:lstStyle/>
                    <a:p>
                      <a:pPr marL="9525" algn="ctr">
                        <a:lnSpc>
                          <a:spcPct val="100000"/>
                        </a:lnSpc>
                        <a:spcBef>
                          <a:spcPts val="509"/>
                        </a:spcBef>
                      </a:pPr>
                      <a:r>
                        <a:rPr sz="1800" dirty="0">
                          <a:solidFill>
                            <a:srgbClr val="FFFFFF"/>
                          </a:solidFill>
                          <a:latin typeface="HGP教科書体"/>
                          <a:cs typeface="HGP教科書体"/>
                        </a:rPr>
                        <a:t>×</a:t>
                      </a:r>
                      <a:endParaRPr sz="1800">
                        <a:latin typeface="HGP教科書体"/>
                        <a:cs typeface="HGP教科書体"/>
                      </a:endParaRPr>
                    </a:p>
                  </a:txBody>
                  <a:tcPr marL="0" marR="0" marT="58733" marB="0">
                    <a:lnL w="19050">
                      <a:solidFill>
                        <a:srgbClr val="FFFFFF"/>
                      </a:solidFill>
                      <a:prstDash val="solid"/>
                    </a:lnL>
                    <a:lnR w="19050">
                      <a:solidFill>
                        <a:srgbClr val="FFFFFF"/>
                      </a:solidFill>
                      <a:prstDash val="solid"/>
                    </a:lnR>
                    <a:lnT w="19050">
                      <a:solidFill>
                        <a:srgbClr val="FFFFFF"/>
                      </a:solidFill>
                      <a:prstDash val="solid"/>
                    </a:lnT>
                    <a:lnB w="57150">
                      <a:solidFill>
                        <a:srgbClr val="FFFFFF"/>
                      </a:solidFill>
                      <a:prstDash val="solid"/>
                    </a:lnB>
                    <a:solidFill>
                      <a:srgbClr val="2D508E"/>
                    </a:solidFill>
                  </a:tcPr>
                </a:tc>
                <a:extLst>
                  <a:ext uri="{0D108BD9-81ED-4DB2-BD59-A6C34878D82A}">
                    <a16:rowId xmlns:a16="http://schemas.microsoft.com/office/drawing/2014/main" val="10000"/>
                  </a:ext>
                </a:extLst>
              </a:tr>
              <a:tr h="425530">
                <a:tc>
                  <a:txBody>
                    <a:bodyPr/>
                    <a:lstStyle/>
                    <a:p>
                      <a:pPr marL="95885">
                        <a:lnSpc>
                          <a:spcPct val="100000"/>
                        </a:lnSpc>
                        <a:spcBef>
                          <a:spcPts val="865"/>
                        </a:spcBef>
                      </a:pPr>
                      <a:r>
                        <a:rPr sz="1300" spc="-10" dirty="0">
                          <a:solidFill>
                            <a:srgbClr val="3A3838"/>
                          </a:solidFill>
                          <a:latin typeface="Meiryo UI"/>
                          <a:cs typeface="Meiryo UI"/>
                        </a:rPr>
                        <a:t>必要性あり</a:t>
                      </a:r>
                      <a:endParaRPr sz="1300">
                        <a:latin typeface="Meiryo UI"/>
                        <a:cs typeface="Meiryo UI"/>
                      </a:endParaRPr>
                    </a:p>
                  </a:txBody>
                  <a:tcPr marL="0" marR="0" marT="99617" marB="0">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4EA"/>
                    </a:solidFill>
                  </a:tcPr>
                </a:tc>
                <a:tc>
                  <a:txBody>
                    <a:bodyPr/>
                    <a:lstStyle/>
                    <a:p>
                      <a:pPr marL="94615" marR="126364">
                        <a:lnSpc>
                          <a:spcPts val="1400"/>
                        </a:lnSpc>
                        <a:spcBef>
                          <a:spcPts val="440"/>
                        </a:spcBef>
                      </a:pPr>
                      <a:r>
                        <a:rPr sz="1300" spc="-15" dirty="0">
                          <a:solidFill>
                            <a:srgbClr val="3A3838"/>
                          </a:solidFill>
                          <a:latin typeface="Meiryo UI"/>
                          <a:cs typeface="Meiryo UI"/>
                        </a:rPr>
                        <a:t>必要性は認めるが最適な事業範</a:t>
                      </a:r>
                      <a:r>
                        <a:rPr sz="1300" spc="-10" dirty="0">
                          <a:solidFill>
                            <a:srgbClr val="3A3838"/>
                          </a:solidFill>
                          <a:latin typeface="Meiryo UI"/>
                          <a:cs typeface="Meiryo UI"/>
                        </a:rPr>
                        <a:t>囲等について検討の余地あり</a:t>
                      </a:r>
                      <a:endParaRPr sz="1300">
                        <a:latin typeface="Meiryo UI"/>
                        <a:cs typeface="Meiryo UI"/>
                      </a:endParaRPr>
                    </a:p>
                  </a:txBody>
                  <a:tcPr marL="0" marR="0" marT="50672" marB="0">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4EA"/>
                    </a:solidFill>
                  </a:tcPr>
                </a:tc>
                <a:tc>
                  <a:txBody>
                    <a:bodyPr/>
                    <a:lstStyle/>
                    <a:p>
                      <a:pPr marL="90170">
                        <a:lnSpc>
                          <a:spcPct val="100000"/>
                        </a:lnSpc>
                        <a:spcBef>
                          <a:spcPts val="865"/>
                        </a:spcBef>
                      </a:pPr>
                      <a:r>
                        <a:rPr sz="1300" spc="-5" dirty="0">
                          <a:solidFill>
                            <a:srgbClr val="3A3838"/>
                          </a:solidFill>
                          <a:latin typeface="Meiryo UI"/>
                          <a:cs typeface="Meiryo UI"/>
                        </a:rPr>
                        <a:t>必要性なし</a:t>
                      </a:r>
                      <a:r>
                        <a:rPr sz="1300" dirty="0">
                          <a:solidFill>
                            <a:srgbClr val="3A3838"/>
                          </a:solidFill>
                          <a:latin typeface="Meiryo UI"/>
                          <a:cs typeface="Meiryo UI"/>
                        </a:rPr>
                        <a:t>（検討終了</a:t>
                      </a:r>
                      <a:r>
                        <a:rPr sz="1300" spc="-50" dirty="0">
                          <a:solidFill>
                            <a:srgbClr val="3A3838"/>
                          </a:solidFill>
                          <a:latin typeface="Meiryo UI"/>
                          <a:cs typeface="Meiryo UI"/>
                        </a:rPr>
                        <a:t>）</a:t>
                      </a:r>
                      <a:endParaRPr sz="1300">
                        <a:latin typeface="Meiryo UI"/>
                        <a:cs typeface="Meiryo UI"/>
                      </a:endParaRPr>
                    </a:p>
                  </a:txBody>
                  <a:tcPr marL="0" marR="0" marT="99617" marB="0">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FFAEAE"/>
                    </a:solidFill>
                  </a:tcPr>
                </a:tc>
                <a:extLst>
                  <a:ext uri="{0D108BD9-81ED-4DB2-BD59-A6C34878D82A}">
                    <a16:rowId xmlns:a16="http://schemas.microsoft.com/office/drawing/2014/main" val="10001"/>
                  </a:ext>
                </a:extLst>
              </a:tr>
              <a:tr h="423802">
                <a:tc>
                  <a:txBody>
                    <a:bodyPr/>
                    <a:lstStyle/>
                    <a:p>
                      <a:pPr marL="95885" marR="843915">
                        <a:lnSpc>
                          <a:spcPts val="1400"/>
                        </a:lnSpc>
                        <a:spcBef>
                          <a:spcPts val="434"/>
                        </a:spcBef>
                      </a:pPr>
                      <a:r>
                        <a:rPr sz="1300" spc="-10" dirty="0">
                          <a:solidFill>
                            <a:srgbClr val="3A3838"/>
                          </a:solidFill>
                          <a:latin typeface="Meiryo UI"/>
                          <a:cs typeface="Meiryo UI"/>
                        </a:rPr>
                        <a:t>実現可能性が高く優れた提案である</a:t>
                      </a:r>
                      <a:endParaRPr sz="1300">
                        <a:latin typeface="Meiryo UI"/>
                        <a:cs typeface="Meiryo UI"/>
                      </a:endParaRPr>
                    </a:p>
                  </a:txBody>
                  <a:tcPr marL="0" marR="0" marT="5009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BF5"/>
                    </a:solidFill>
                  </a:tcPr>
                </a:tc>
                <a:tc>
                  <a:txBody>
                    <a:bodyPr/>
                    <a:lstStyle/>
                    <a:p>
                      <a:pPr marL="94615" marR="235585">
                        <a:lnSpc>
                          <a:spcPts val="1400"/>
                        </a:lnSpc>
                        <a:spcBef>
                          <a:spcPts val="434"/>
                        </a:spcBef>
                      </a:pPr>
                      <a:r>
                        <a:rPr sz="1300" spc="-15" dirty="0">
                          <a:solidFill>
                            <a:srgbClr val="3A3838"/>
                          </a:solidFill>
                          <a:latin typeface="Meiryo UI"/>
                          <a:cs typeface="Meiryo UI"/>
                        </a:rPr>
                        <a:t>実現可能性は認められるが、検</a:t>
                      </a:r>
                      <a:r>
                        <a:rPr sz="1300" spc="-10" dirty="0">
                          <a:solidFill>
                            <a:srgbClr val="3A3838"/>
                          </a:solidFill>
                          <a:latin typeface="Meiryo UI"/>
                          <a:cs typeface="Meiryo UI"/>
                        </a:rPr>
                        <a:t>討・解決すべき課題がある</a:t>
                      </a:r>
                      <a:endParaRPr sz="1300">
                        <a:latin typeface="Meiryo UI"/>
                        <a:cs typeface="Meiryo UI"/>
                      </a:endParaRPr>
                    </a:p>
                  </a:txBody>
                  <a:tcPr marL="0" marR="0" marT="5009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BF5"/>
                    </a:solidFill>
                  </a:tcPr>
                </a:tc>
                <a:tc>
                  <a:txBody>
                    <a:bodyPr/>
                    <a:lstStyle/>
                    <a:p>
                      <a:pPr marL="90170">
                        <a:lnSpc>
                          <a:spcPts val="1540"/>
                        </a:lnSpc>
                        <a:spcBef>
                          <a:spcPts val="155"/>
                        </a:spcBef>
                      </a:pPr>
                      <a:r>
                        <a:rPr sz="1300" spc="-15" dirty="0">
                          <a:solidFill>
                            <a:srgbClr val="3A3838"/>
                          </a:solidFill>
                          <a:latin typeface="Meiryo UI"/>
                          <a:cs typeface="Meiryo UI"/>
                        </a:rPr>
                        <a:t>実現可能性なし</a:t>
                      </a:r>
                      <a:endParaRPr sz="1300">
                        <a:latin typeface="Meiryo UI"/>
                        <a:cs typeface="Meiryo UI"/>
                      </a:endParaRPr>
                    </a:p>
                    <a:p>
                      <a:pPr marL="90170">
                        <a:lnSpc>
                          <a:spcPts val="1540"/>
                        </a:lnSpc>
                      </a:pPr>
                      <a:r>
                        <a:rPr sz="1300" spc="-70" dirty="0">
                          <a:solidFill>
                            <a:srgbClr val="3A3838"/>
                          </a:solidFill>
                          <a:latin typeface="Meiryo UI"/>
                          <a:cs typeface="Meiryo UI"/>
                        </a:rPr>
                        <a:t>(対応不可能な課題がある)</a:t>
                      </a:r>
                      <a:endParaRPr sz="1300">
                        <a:latin typeface="Meiryo UI"/>
                        <a:cs typeface="Meiryo UI"/>
                      </a:endParaRPr>
                    </a:p>
                  </a:txBody>
                  <a:tcPr marL="0" marR="0" marT="17850"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BF5"/>
                    </a:solidFill>
                  </a:tcPr>
                </a:tc>
                <a:extLst>
                  <a:ext uri="{0D108BD9-81ED-4DB2-BD59-A6C34878D82A}">
                    <a16:rowId xmlns:a16="http://schemas.microsoft.com/office/drawing/2014/main" val="10002"/>
                  </a:ext>
                </a:extLst>
              </a:tr>
              <a:tr h="425530">
                <a:tc>
                  <a:txBody>
                    <a:bodyPr/>
                    <a:lstStyle/>
                    <a:p>
                      <a:pPr marL="95885" marR="118110">
                        <a:lnSpc>
                          <a:spcPts val="1400"/>
                        </a:lnSpc>
                        <a:spcBef>
                          <a:spcPts val="445"/>
                        </a:spcBef>
                      </a:pPr>
                      <a:r>
                        <a:rPr sz="1300" spc="-15" dirty="0">
                          <a:solidFill>
                            <a:srgbClr val="3A3838"/>
                          </a:solidFill>
                          <a:latin typeface="Meiryo UI"/>
                          <a:cs typeface="Meiryo UI"/>
                        </a:rPr>
                        <a:t>確実な効果があり、かつ最適な手法であると評価できる</a:t>
                      </a:r>
                      <a:endParaRPr sz="1300">
                        <a:latin typeface="Meiryo UI"/>
                        <a:cs typeface="Meiryo UI"/>
                      </a:endParaRPr>
                    </a:p>
                  </a:txBody>
                  <a:tcPr marL="0" marR="0" marT="51248"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A"/>
                    </a:solidFill>
                  </a:tcPr>
                </a:tc>
                <a:tc>
                  <a:txBody>
                    <a:bodyPr/>
                    <a:lstStyle/>
                    <a:p>
                      <a:pPr marL="94615" marR="95250">
                        <a:lnSpc>
                          <a:spcPts val="1400"/>
                        </a:lnSpc>
                        <a:spcBef>
                          <a:spcPts val="445"/>
                        </a:spcBef>
                      </a:pPr>
                      <a:r>
                        <a:rPr sz="1300" spc="-15" dirty="0">
                          <a:solidFill>
                            <a:srgbClr val="3A3838"/>
                          </a:solidFill>
                          <a:latin typeface="Meiryo UI"/>
                          <a:cs typeface="Meiryo UI"/>
                        </a:rPr>
                        <a:t>効果は認められるが、手法採用には精査が必要</a:t>
                      </a:r>
                      <a:endParaRPr sz="1300">
                        <a:latin typeface="Meiryo UI"/>
                        <a:cs typeface="Meiryo UI"/>
                      </a:endParaRPr>
                    </a:p>
                  </a:txBody>
                  <a:tcPr marL="0" marR="0" marT="51248"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A"/>
                    </a:solidFill>
                  </a:tcPr>
                </a:tc>
                <a:tc>
                  <a:txBody>
                    <a:bodyPr/>
                    <a:lstStyle/>
                    <a:p>
                      <a:pPr marL="90170">
                        <a:lnSpc>
                          <a:spcPct val="100000"/>
                        </a:lnSpc>
                        <a:spcBef>
                          <a:spcPts val="860"/>
                        </a:spcBef>
                      </a:pPr>
                      <a:r>
                        <a:rPr sz="1300" spc="-10" dirty="0">
                          <a:solidFill>
                            <a:srgbClr val="3A3838"/>
                          </a:solidFill>
                          <a:latin typeface="Meiryo UI"/>
                          <a:cs typeface="Meiryo UI"/>
                        </a:rPr>
                        <a:t>効果が認められない</a:t>
                      </a:r>
                      <a:endParaRPr sz="1300">
                        <a:latin typeface="Meiryo UI"/>
                        <a:cs typeface="Meiryo UI"/>
                      </a:endParaRPr>
                    </a:p>
                  </a:txBody>
                  <a:tcPr marL="0" marR="0" marT="9904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A"/>
                    </a:solidFill>
                  </a:tcPr>
                </a:tc>
                <a:extLst>
                  <a:ext uri="{0D108BD9-81ED-4DB2-BD59-A6C34878D82A}">
                    <a16:rowId xmlns:a16="http://schemas.microsoft.com/office/drawing/2014/main" val="10003"/>
                  </a:ext>
                </a:extLst>
              </a:tr>
              <a:tr h="425530">
                <a:tc>
                  <a:txBody>
                    <a:bodyPr/>
                    <a:lstStyle/>
                    <a:p>
                      <a:pPr marL="95885" marR="253365">
                        <a:lnSpc>
                          <a:spcPts val="1400"/>
                        </a:lnSpc>
                        <a:spcBef>
                          <a:spcPts val="440"/>
                        </a:spcBef>
                      </a:pPr>
                      <a:r>
                        <a:rPr sz="1300" spc="-5" dirty="0">
                          <a:solidFill>
                            <a:srgbClr val="3A3838"/>
                          </a:solidFill>
                          <a:latin typeface="Meiryo UI"/>
                          <a:cs typeface="Meiryo UI"/>
                        </a:rPr>
                        <a:t>財政負担の平準化等の財</a:t>
                      </a:r>
                      <a:r>
                        <a:rPr sz="1300" spc="-10" dirty="0">
                          <a:solidFill>
                            <a:srgbClr val="3A3838"/>
                          </a:solidFill>
                          <a:latin typeface="Meiryo UI"/>
                          <a:cs typeface="Meiryo UI"/>
                        </a:rPr>
                        <a:t>政メリットが大きい</a:t>
                      </a:r>
                      <a:endParaRPr sz="1300">
                        <a:latin typeface="Meiryo UI"/>
                        <a:cs typeface="Meiryo UI"/>
                      </a:endParaRPr>
                    </a:p>
                  </a:txBody>
                  <a:tcPr marL="0" marR="0" marT="50672"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BF5"/>
                    </a:solidFill>
                  </a:tcPr>
                </a:tc>
                <a:tc>
                  <a:txBody>
                    <a:bodyPr/>
                    <a:lstStyle/>
                    <a:p>
                      <a:pPr marL="94615" marR="118745">
                        <a:lnSpc>
                          <a:spcPts val="1400"/>
                        </a:lnSpc>
                        <a:spcBef>
                          <a:spcPts val="440"/>
                        </a:spcBef>
                      </a:pPr>
                      <a:r>
                        <a:rPr sz="1300" spc="-75" dirty="0">
                          <a:solidFill>
                            <a:srgbClr val="3A3838"/>
                          </a:solidFill>
                          <a:latin typeface="Meiryo UI"/>
                          <a:cs typeface="Meiryo UI"/>
                        </a:rPr>
                        <a:t>メリットは認められるが、補助金等の財源確保の観点から検討が必要</a:t>
                      </a:r>
                      <a:endParaRPr sz="1300">
                        <a:latin typeface="Meiryo UI"/>
                        <a:cs typeface="Meiryo UI"/>
                      </a:endParaRPr>
                    </a:p>
                  </a:txBody>
                  <a:tcPr marL="0" marR="0" marT="50672"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BF5"/>
                    </a:solidFill>
                  </a:tcPr>
                </a:tc>
                <a:tc>
                  <a:txBody>
                    <a:bodyPr/>
                    <a:lstStyle/>
                    <a:p>
                      <a:pPr marL="90170" marR="123825">
                        <a:lnSpc>
                          <a:spcPts val="1400"/>
                        </a:lnSpc>
                        <a:spcBef>
                          <a:spcPts val="440"/>
                        </a:spcBef>
                      </a:pPr>
                      <a:r>
                        <a:rPr sz="1300" spc="-75" dirty="0">
                          <a:solidFill>
                            <a:srgbClr val="3A3838"/>
                          </a:solidFill>
                          <a:latin typeface="Meiryo UI"/>
                          <a:cs typeface="Meiryo UI"/>
                        </a:rPr>
                        <a:t>財政に与える負の影響が大</a:t>
                      </a:r>
                      <a:r>
                        <a:rPr sz="1300" spc="-80" dirty="0">
                          <a:solidFill>
                            <a:srgbClr val="3A3838"/>
                          </a:solidFill>
                          <a:latin typeface="Meiryo UI"/>
                          <a:cs typeface="Meiryo UI"/>
                        </a:rPr>
                        <a:t>きく、市として許容できない</a:t>
                      </a:r>
                      <a:endParaRPr sz="1300">
                        <a:latin typeface="Meiryo UI"/>
                        <a:cs typeface="Meiryo UI"/>
                      </a:endParaRPr>
                    </a:p>
                  </a:txBody>
                  <a:tcPr marL="0" marR="0" marT="50672"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BF5"/>
                    </a:solidFill>
                  </a:tcPr>
                </a:tc>
                <a:extLst>
                  <a:ext uri="{0D108BD9-81ED-4DB2-BD59-A6C34878D82A}">
                    <a16:rowId xmlns:a16="http://schemas.microsoft.com/office/drawing/2014/main" val="10004"/>
                  </a:ext>
                </a:extLst>
              </a:tr>
              <a:tr h="425530">
                <a:tc>
                  <a:txBody>
                    <a:bodyPr/>
                    <a:lstStyle/>
                    <a:p>
                      <a:pPr marL="95885">
                        <a:lnSpc>
                          <a:spcPts val="1540"/>
                        </a:lnSpc>
                        <a:spcBef>
                          <a:spcPts val="145"/>
                        </a:spcBef>
                      </a:pPr>
                      <a:r>
                        <a:rPr sz="1300" spc="-5" dirty="0">
                          <a:solidFill>
                            <a:srgbClr val="3A3838"/>
                          </a:solidFill>
                          <a:latin typeface="Meiryo UI"/>
                          <a:cs typeface="Meiryo UI"/>
                        </a:rPr>
                        <a:t>当該提案手法が最適である</a:t>
                      </a:r>
                      <a:endParaRPr sz="1300">
                        <a:latin typeface="Meiryo UI"/>
                        <a:cs typeface="Meiryo UI"/>
                      </a:endParaRPr>
                    </a:p>
                    <a:p>
                      <a:pPr marL="95885">
                        <a:lnSpc>
                          <a:spcPts val="1540"/>
                        </a:lnSpc>
                      </a:pPr>
                      <a:r>
                        <a:rPr sz="1300" spc="-10" dirty="0">
                          <a:solidFill>
                            <a:srgbClr val="3A3838"/>
                          </a:solidFill>
                          <a:latin typeface="Meiryo UI"/>
                          <a:cs typeface="Meiryo UI"/>
                        </a:rPr>
                        <a:t>/他の手法がない</a:t>
                      </a:r>
                      <a:endParaRPr sz="1300">
                        <a:latin typeface="Meiryo UI"/>
                        <a:cs typeface="Meiryo UI"/>
                      </a:endParaRPr>
                    </a:p>
                  </a:txBody>
                  <a:tcPr marL="0" marR="0" marT="16699"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A"/>
                    </a:solidFill>
                  </a:tcPr>
                </a:tc>
                <a:tc>
                  <a:txBody>
                    <a:bodyPr/>
                    <a:lstStyle/>
                    <a:p>
                      <a:pPr marL="94615">
                        <a:lnSpc>
                          <a:spcPct val="100000"/>
                        </a:lnSpc>
                        <a:spcBef>
                          <a:spcPts val="850"/>
                        </a:spcBef>
                      </a:pPr>
                      <a:r>
                        <a:rPr sz="1300" spc="-15" dirty="0">
                          <a:solidFill>
                            <a:srgbClr val="3A3838"/>
                          </a:solidFill>
                          <a:latin typeface="Meiryo UI"/>
                          <a:cs typeface="Meiryo UI"/>
                        </a:rPr>
                        <a:t>他の手法による検討の余地あり</a:t>
                      </a:r>
                      <a:endParaRPr sz="1300">
                        <a:latin typeface="Meiryo UI"/>
                        <a:cs typeface="Meiryo UI"/>
                      </a:endParaRPr>
                    </a:p>
                  </a:txBody>
                  <a:tcPr marL="0" marR="0" marT="97889"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A"/>
                    </a:solidFill>
                  </a:tcPr>
                </a:tc>
                <a:tc>
                  <a:txBody>
                    <a:bodyPr/>
                    <a:lstStyle/>
                    <a:p>
                      <a:pPr marL="90170" marR="109855">
                        <a:lnSpc>
                          <a:spcPts val="1400"/>
                        </a:lnSpc>
                        <a:spcBef>
                          <a:spcPts val="425"/>
                        </a:spcBef>
                      </a:pPr>
                      <a:r>
                        <a:rPr sz="1300" spc="-35" dirty="0">
                          <a:solidFill>
                            <a:srgbClr val="3A3838"/>
                          </a:solidFill>
                          <a:latin typeface="Meiryo UI"/>
                          <a:cs typeface="Meiryo UI"/>
                        </a:rPr>
                        <a:t>他の手法の方が明らかに優れており、採用の余地なし</a:t>
                      </a:r>
                      <a:endParaRPr sz="1300">
                        <a:latin typeface="Meiryo UI"/>
                        <a:cs typeface="Meiryo UI"/>
                      </a:endParaRPr>
                    </a:p>
                  </a:txBody>
                  <a:tcPr marL="0" marR="0" marT="4894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A"/>
                    </a:solidFill>
                  </a:tcPr>
                </a:tc>
                <a:extLst>
                  <a:ext uri="{0D108BD9-81ED-4DB2-BD59-A6C34878D82A}">
                    <a16:rowId xmlns:a16="http://schemas.microsoft.com/office/drawing/2014/main" val="10005"/>
                  </a:ext>
                </a:extLst>
              </a:tr>
              <a:tr h="280424">
                <a:tc gridSpan="3">
                  <a:txBody>
                    <a:bodyPr/>
                    <a:lstStyle/>
                    <a:p>
                      <a:pPr algn="ctr">
                        <a:lnSpc>
                          <a:spcPct val="100000"/>
                        </a:lnSpc>
                        <a:spcBef>
                          <a:spcPts val="225"/>
                        </a:spcBef>
                      </a:pPr>
                      <a:r>
                        <a:rPr sz="1300" spc="-10" dirty="0">
                          <a:solidFill>
                            <a:srgbClr val="3A3838"/>
                          </a:solidFill>
                          <a:latin typeface="Meiryo UI"/>
                          <a:cs typeface="Meiryo UI"/>
                        </a:rPr>
                        <a:t>※項目に応じて適宜設定する</a:t>
                      </a:r>
                      <a:endParaRPr sz="1300">
                        <a:latin typeface="Meiryo UI"/>
                        <a:cs typeface="Meiryo UI"/>
                      </a:endParaRPr>
                    </a:p>
                  </a:txBody>
                  <a:tcPr marL="0" marR="0" marT="25912"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9EBF5"/>
                    </a:solidFill>
                  </a:tcPr>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6"/>
                  </a:ext>
                </a:extLst>
              </a:tr>
            </a:tbl>
          </a:graphicData>
        </a:graphic>
      </p:graphicFrame>
      <p:sp>
        <p:nvSpPr>
          <p:cNvPr id="15" name="object 15"/>
          <p:cNvSpPr txBox="1"/>
          <p:nvPr/>
        </p:nvSpPr>
        <p:spPr>
          <a:xfrm>
            <a:off x="1386727" y="655565"/>
            <a:ext cx="7313472" cy="1797447"/>
          </a:xfrm>
          <a:prstGeom prst="rect">
            <a:avLst/>
          </a:prstGeom>
        </p:spPr>
        <p:txBody>
          <a:bodyPr vert="horz" wrap="square" lIns="0" tIns="105950" rIns="0" bIns="0" rtlCol="0">
            <a:spAutoFit/>
          </a:bodyPr>
          <a:lstStyle/>
          <a:p>
            <a:pPr marL="11516">
              <a:spcBef>
                <a:spcPts val="833"/>
              </a:spcBef>
            </a:pPr>
            <a:r>
              <a:rPr sz="1270" b="1" spc="32" dirty="0">
                <a:solidFill>
                  <a:srgbClr val="3A3838"/>
                </a:solidFill>
                <a:latin typeface="Meiryo UI"/>
                <a:cs typeface="Meiryo UI"/>
              </a:rPr>
              <a:t>(１) 審査項目毎の検証・評価 </a:t>
            </a:r>
            <a:r>
              <a:rPr sz="1270" b="1" spc="585" dirty="0">
                <a:solidFill>
                  <a:srgbClr val="3A3838"/>
                </a:solidFill>
                <a:latin typeface="Meiryo UI"/>
                <a:cs typeface="Meiryo UI"/>
              </a:rPr>
              <a:t>: </a:t>
            </a:r>
            <a:r>
              <a:rPr sz="1270" spc="-5" dirty="0">
                <a:solidFill>
                  <a:srgbClr val="3A3838"/>
                </a:solidFill>
                <a:latin typeface="Meiryo UI"/>
                <a:cs typeface="Meiryo UI"/>
              </a:rPr>
              <a:t>次の審査項目を設定し、基準</a:t>
            </a:r>
            <a:r>
              <a:rPr sz="1270" dirty="0">
                <a:solidFill>
                  <a:srgbClr val="3A3838"/>
                </a:solidFill>
                <a:latin typeface="Meiryo UI"/>
                <a:cs typeface="Meiryo UI"/>
              </a:rPr>
              <a:t>（次頁）</a:t>
            </a:r>
            <a:r>
              <a:rPr sz="1270" spc="5" dirty="0">
                <a:solidFill>
                  <a:srgbClr val="3A3838"/>
                </a:solidFill>
                <a:latin typeface="Meiryo UI"/>
                <a:cs typeface="Meiryo UI"/>
              </a:rPr>
              <a:t>に従い、 大項目毎に評価を行う。</a:t>
            </a:r>
            <a:endParaRPr sz="1270">
              <a:latin typeface="Meiryo UI"/>
              <a:cs typeface="Meiryo UI"/>
            </a:endParaRPr>
          </a:p>
          <a:p>
            <a:pPr marL="145106">
              <a:spcBef>
                <a:spcPts val="816"/>
              </a:spcBef>
              <a:tabLst>
                <a:tab pos="3105386" algn="l"/>
              </a:tabLst>
            </a:pPr>
            <a:r>
              <a:rPr sz="1360" b="1" dirty="0">
                <a:solidFill>
                  <a:srgbClr val="3A3838"/>
                </a:solidFill>
                <a:latin typeface="Meiryo UI"/>
                <a:cs typeface="Meiryo UI"/>
              </a:rPr>
              <a:t>審査項</a:t>
            </a:r>
            <a:r>
              <a:rPr sz="1360" b="1" spc="-45" dirty="0">
                <a:solidFill>
                  <a:srgbClr val="3A3838"/>
                </a:solidFill>
                <a:latin typeface="Meiryo UI"/>
                <a:cs typeface="Meiryo UI"/>
              </a:rPr>
              <a:t>目</a:t>
            </a:r>
            <a:r>
              <a:rPr sz="1360" b="1" dirty="0">
                <a:solidFill>
                  <a:srgbClr val="3A3838"/>
                </a:solidFill>
                <a:latin typeface="Meiryo UI"/>
                <a:cs typeface="Meiryo UI"/>
              </a:rPr>
              <a:t>	</a:t>
            </a:r>
            <a:r>
              <a:rPr sz="2040" b="1" baseline="1851" dirty="0">
                <a:solidFill>
                  <a:srgbClr val="3A3838"/>
                </a:solidFill>
                <a:latin typeface="Meiryo UI"/>
                <a:cs typeface="Meiryo UI"/>
              </a:rPr>
              <a:t>評価基</a:t>
            </a:r>
            <a:r>
              <a:rPr sz="2040" b="1" spc="-68" baseline="1851" dirty="0">
                <a:solidFill>
                  <a:srgbClr val="3A3838"/>
                </a:solidFill>
                <a:latin typeface="Meiryo UI"/>
                <a:cs typeface="Meiryo UI"/>
              </a:rPr>
              <a:t>準</a:t>
            </a:r>
            <a:endParaRPr sz="2040" baseline="1851">
              <a:latin typeface="Meiryo UI"/>
              <a:cs typeface="Meiryo UI"/>
            </a:endParaRPr>
          </a:p>
          <a:p>
            <a:pPr marL="182534">
              <a:spcBef>
                <a:spcPts val="852"/>
              </a:spcBef>
            </a:pPr>
            <a:r>
              <a:rPr sz="1270" b="1" spc="59" dirty="0">
                <a:solidFill>
                  <a:srgbClr val="FFFFFF"/>
                </a:solidFill>
                <a:latin typeface="Meiryo UI"/>
                <a:cs typeface="Meiryo UI"/>
              </a:rPr>
              <a:t>大項目 </a:t>
            </a:r>
            <a:r>
              <a:rPr sz="1043" spc="-54" dirty="0">
                <a:solidFill>
                  <a:srgbClr val="FFFFFF"/>
                </a:solidFill>
                <a:latin typeface="Meiryo UI"/>
                <a:cs typeface="Meiryo UI"/>
              </a:rPr>
              <a:t>※小項目/評価の視点は次頁参照</a:t>
            </a:r>
            <a:endParaRPr sz="1043">
              <a:latin typeface="Meiryo UI"/>
              <a:cs typeface="Meiryo UI"/>
            </a:endParaRPr>
          </a:p>
          <a:p>
            <a:pPr marL="522267" marR="4784472" indent="-321882">
              <a:lnSpc>
                <a:spcPct val="100600"/>
              </a:lnSpc>
              <a:spcBef>
                <a:spcPts val="979"/>
              </a:spcBef>
            </a:pPr>
            <a:r>
              <a:rPr sz="1270" spc="-9" dirty="0">
                <a:solidFill>
                  <a:srgbClr val="3A3838"/>
                </a:solidFill>
                <a:latin typeface="Meiryo UI"/>
                <a:cs typeface="Meiryo UI"/>
              </a:rPr>
              <a:t>１．当該提案に係る公共施設等の整備等の必要性</a:t>
            </a:r>
            <a:endParaRPr sz="1270">
              <a:latin typeface="Meiryo UI"/>
              <a:cs typeface="Meiryo UI"/>
            </a:endParaRPr>
          </a:p>
          <a:p>
            <a:pPr marL="200384">
              <a:spcBef>
                <a:spcPts val="1152"/>
              </a:spcBef>
            </a:pPr>
            <a:r>
              <a:rPr sz="1270" spc="-5" dirty="0">
                <a:solidFill>
                  <a:srgbClr val="3A3838"/>
                </a:solidFill>
                <a:latin typeface="Meiryo UI"/>
                <a:cs typeface="Meiryo UI"/>
              </a:rPr>
              <a:t>２．提案の実現可能性</a:t>
            </a:r>
            <a:endParaRPr sz="1270">
              <a:latin typeface="Meiryo UI"/>
              <a:cs typeface="Meiryo UI"/>
            </a:endParaRPr>
          </a:p>
        </p:txBody>
      </p:sp>
      <p:pic>
        <p:nvPicPr>
          <p:cNvPr id="16" name="object 16"/>
          <p:cNvPicPr/>
          <p:nvPr/>
        </p:nvPicPr>
        <p:blipFill>
          <a:blip r:embed="rId3" cstate="print"/>
          <a:stretch>
            <a:fillRect/>
          </a:stretch>
        </p:blipFill>
        <p:spPr>
          <a:xfrm>
            <a:off x="4175991" y="2614676"/>
            <a:ext cx="214204" cy="621884"/>
          </a:xfrm>
          <a:prstGeom prst="rect">
            <a:avLst/>
          </a:prstGeom>
        </p:spPr>
      </p:pic>
      <p:grpSp>
        <p:nvGrpSpPr>
          <p:cNvPr id="17" name="object 17"/>
          <p:cNvGrpSpPr/>
          <p:nvPr/>
        </p:nvGrpSpPr>
        <p:grpSpPr>
          <a:xfrm>
            <a:off x="1286301" y="4152804"/>
            <a:ext cx="5609625" cy="340309"/>
            <a:chOff x="42671" y="4579620"/>
            <a:chExt cx="6186170" cy="375285"/>
          </a:xfrm>
        </p:grpSpPr>
        <p:sp>
          <p:nvSpPr>
            <p:cNvPr id="18" name="object 18"/>
            <p:cNvSpPr/>
            <p:nvPr/>
          </p:nvSpPr>
          <p:spPr>
            <a:xfrm>
              <a:off x="50291" y="4585716"/>
              <a:ext cx="6170930" cy="363220"/>
            </a:xfrm>
            <a:custGeom>
              <a:avLst/>
              <a:gdLst/>
              <a:ahLst/>
              <a:cxnLst/>
              <a:rect l="l" t="t" r="r" b="b"/>
              <a:pathLst>
                <a:path w="6170930" h="363220">
                  <a:moveTo>
                    <a:pt x="6170676" y="362712"/>
                  </a:moveTo>
                  <a:lnTo>
                    <a:pt x="0" y="362712"/>
                  </a:lnTo>
                  <a:lnTo>
                    <a:pt x="0" y="0"/>
                  </a:lnTo>
                  <a:lnTo>
                    <a:pt x="6170676" y="0"/>
                  </a:lnTo>
                  <a:lnTo>
                    <a:pt x="6170676" y="362712"/>
                  </a:lnTo>
                  <a:close/>
                </a:path>
              </a:pathLst>
            </a:custGeom>
            <a:solidFill>
              <a:srgbClr val="FFFFCC"/>
            </a:solidFill>
          </p:spPr>
          <p:txBody>
            <a:bodyPr wrap="square" lIns="0" tIns="0" rIns="0" bIns="0" rtlCol="0"/>
            <a:lstStyle/>
            <a:p>
              <a:endParaRPr sz="1632"/>
            </a:p>
          </p:txBody>
        </p:sp>
        <p:sp>
          <p:nvSpPr>
            <p:cNvPr id="19" name="object 19"/>
            <p:cNvSpPr/>
            <p:nvPr/>
          </p:nvSpPr>
          <p:spPr>
            <a:xfrm>
              <a:off x="42671" y="4579620"/>
              <a:ext cx="6186170" cy="375285"/>
            </a:xfrm>
            <a:custGeom>
              <a:avLst/>
              <a:gdLst/>
              <a:ahLst/>
              <a:cxnLst/>
              <a:rect l="l" t="t" r="r" b="b"/>
              <a:pathLst>
                <a:path w="6186170" h="375285">
                  <a:moveTo>
                    <a:pt x="7620" y="368808"/>
                  </a:moveTo>
                  <a:lnTo>
                    <a:pt x="0" y="368808"/>
                  </a:lnTo>
                  <a:lnTo>
                    <a:pt x="0" y="313944"/>
                  </a:lnTo>
                  <a:lnTo>
                    <a:pt x="13716" y="313944"/>
                  </a:lnTo>
                  <a:lnTo>
                    <a:pt x="13716" y="361188"/>
                  </a:lnTo>
                  <a:lnTo>
                    <a:pt x="7620" y="361188"/>
                  </a:lnTo>
                  <a:lnTo>
                    <a:pt x="7620" y="368808"/>
                  </a:lnTo>
                  <a:close/>
                </a:path>
                <a:path w="6186170" h="375285">
                  <a:moveTo>
                    <a:pt x="24384" y="374904"/>
                  </a:moveTo>
                  <a:lnTo>
                    <a:pt x="7620" y="374904"/>
                  </a:lnTo>
                  <a:lnTo>
                    <a:pt x="7620" y="361188"/>
                  </a:lnTo>
                  <a:lnTo>
                    <a:pt x="13716" y="361188"/>
                  </a:lnTo>
                  <a:lnTo>
                    <a:pt x="13716" y="368808"/>
                  </a:lnTo>
                  <a:lnTo>
                    <a:pt x="24384" y="368808"/>
                  </a:lnTo>
                  <a:lnTo>
                    <a:pt x="24384" y="374904"/>
                  </a:lnTo>
                  <a:close/>
                </a:path>
                <a:path w="6186170" h="375285">
                  <a:moveTo>
                    <a:pt x="24384" y="368808"/>
                  </a:moveTo>
                  <a:lnTo>
                    <a:pt x="13716" y="368808"/>
                  </a:lnTo>
                  <a:lnTo>
                    <a:pt x="13716" y="361188"/>
                  </a:lnTo>
                  <a:lnTo>
                    <a:pt x="24384" y="361188"/>
                  </a:lnTo>
                  <a:lnTo>
                    <a:pt x="24384" y="368808"/>
                  </a:lnTo>
                  <a:close/>
                </a:path>
                <a:path w="6186170" h="375285">
                  <a:moveTo>
                    <a:pt x="13716" y="272796"/>
                  </a:moveTo>
                  <a:lnTo>
                    <a:pt x="0" y="272796"/>
                  </a:lnTo>
                  <a:lnTo>
                    <a:pt x="0" y="217932"/>
                  </a:lnTo>
                  <a:lnTo>
                    <a:pt x="13716" y="217932"/>
                  </a:lnTo>
                  <a:lnTo>
                    <a:pt x="13716" y="272796"/>
                  </a:lnTo>
                  <a:close/>
                </a:path>
                <a:path w="6186170" h="375285">
                  <a:moveTo>
                    <a:pt x="13716" y="176784"/>
                  </a:moveTo>
                  <a:lnTo>
                    <a:pt x="0" y="176784"/>
                  </a:lnTo>
                  <a:lnTo>
                    <a:pt x="0" y="121920"/>
                  </a:lnTo>
                  <a:lnTo>
                    <a:pt x="13716" y="121920"/>
                  </a:lnTo>
                  <a:lnTo>
                    <a:pt x="13716" y="176784"/>
                  </a:lnTo>
                  <a:close/>
                </a:path>
                <a:path w="6186170" h="375285">
                  <a:moveTo>
                    <a:pt x="13716" y="80772"/>
                  </a:moveTo>
                  <a:lnTo>
                    <a:pt x="0" y="80772"/>
                  </a:lnTo>
                  <a:lnTo>
                    <a:pt x="0" y="25908"/>
                  </a:lnTo>
                  <a:lnTo>
                    <a:pt x="13716" y="25908"/>
                  </a:lnTo>
                  <a:lnTo>
                    <a:pt x="13716" y="80772"/>
                  </a:lnTo>
                  <a:close/>
                </a:path>
                <a:path w="6186170" h="375285">
                  <a:moveTo>
                    <a:pt x="83820" y="13716"/>
                  </a:moveTo>
                  <a:lnTo>
                    <a:pt x="28956" y="13716"/>
                  </a:lnTo>
                  <a:lnTo>
                    <a:pt x="28956" y="0"/>
                  </a:lnTo>
                  <a:lnTo>
                    <a:pt x="83820" y="0"/>
                  </a:lnTo>
                  <a:lnTo>
                    <a:pt x="83820" y="13716"/>
                  </a:lnTo>
                  <a:close/>
                </a:path>
                <a:path w="6186170" h="375285">
                  <a:moveTo>
                    <a:pt x="179832" y="13716"/>
                  </a:moveTo>
                  <a:lnTo>
                    <a:pt x="124968" y="13716"/>
                  </a:lnTo>
                  <a:lnTo>
                    <a:pt x="124968" y="0"/>
                  </a:lnTo>
                  <a:lnTo>
                    <a:pt x="179832" y="0"/>
                  </a:lnTo>
                  <a:lnTo>
                    <a:pt x="179832" y="13716"/>
                  </a:lnTo>
                  <a:close/>
                </a:path>
                <a:path w="6186170" h="375285">
                  <a:moveTo>
                    <a:pt x="275844" y="13716"/>
                  </a:moveTo>
                  <a:lnTo>
                    <a:pt x="220980" y="13716"/>
                  </a:lnTo>
                  <a:lnTo>
                    <a:pt x="220980" y="0"/>
                  </a:lnTo>
                  <a:lnTo>
                    <a:pt x="275844" y="0"/>
                  </a:lnTo>
                  <a:lnTo>
                    <a:pt x="275844" y="13716"/>
                  </a:lnTo>
                  <a:close/>
                </a:path>
                <a:path w="6186170" h="375285">
                  <a:moveTo>
                    <a:pt x="371856" y="13716"/>
                  </a:moveTo>
                  <a:lnTo>
                    <a:pt x="316992" y="13716"/>
                  </a:lnTo>
                  <a:lnTo>
                    <a:pt x="316992" y="0"/>
                  </a:lnTo>
                  <a:lnTo>
                    <a:pt x="371856" y="0"/>
                  </a:lnTo>
                  <a:lnTo>
                    <a:pt x="371856" y="13716"/>
                  </a:lnTo>
                  <a:close/>
                </a:path>
                <a:path w="6186170" h="375285">
                  <a:moveTo>
                    <a:pt x="467868" y="13716"/>
                  </a:moveTo>
                  <a:lnTo>
                    <a:pt x="413004" y="13716"/>
                  </a:lnTo>
                  <a:lnTo>
                    <a:pt x="413004" y="0"/>
                  </a:lnTo>
                  <a:lnTo>
                    <a:pt x="467868" y="0"/>
                  </a:lnTo>
                  <a:lnTo>
                    <a:pt x="467868" y="13716"/>
                  </a:lnTo>
                  <a:close/>
                </a:path>
                <a:path w="6186170" h="375285">
                  <a:moveTo>
                    <a:pt x="563880" y="13716"/>
                  </a:moveTo>
                  <a:lnTo>
                    <a:pt x="509016" y="13716"/>
                  </a:lnTo>
                  <a:lnTo>
                    <a:pt x="509016" y="0"/>
                  </a:lnTo>
                  <a:lnTo>
                    <a:pt x="563880" y="0"/>
                  </a:lnTo>
                  <a:lnTo>
                    <a:pt x="563880" y="13716"/>
                  </a:lnTo>
                  <a:close/>
                </a:path>
                <a:path w="6186170" h="375285">
                  <a:moveTo>
                    <a:pt x="659892" y="13716"/>
                  </a:moveTo>
                  <a:lnTo>
                    <a:pt x="605028" y="13716"/>
                  </a:lnTo>
                  <a:lnTo>
                    <a:pt x="605028" y="0"/>
                  </a:lnTo>
                  <a:lnTo>
                    <a:pt x="659892" y="0"/>
                  </a:lnTo>
                  <a:lnTo>
                    <a:pt x="659892" y="13716"/>
                  </a:lnTo>
                  <a:close/>
                </a:path>
                <a:path w="6186170" h="375285">
                  <a:moveTo>
                    <a:pt x="755904" y="13716"/>
                  </a:moveTo>
                  <a:lnTo>
                    <a:pt x="701040" y="13716"/>
                  </a:lnTo>
                  <a:lnTo>
                    <a:pt x="701040" y="0"/>
                  </a:lnTo>
                  <a:lnTo>
                    <a:pt x="755904" y="0"/>
                  </a:lnTo>
                  <a:lnTo>
                    <a:pt x="755904" y="13716"/>
                  </a:lnTo>
                  <a:close/>
                </a:path>
                <a:path w="6186170" h="375285">
                  <a:moveTo>
                    <a:pt x="851916" y="13716"/>
                  </a:moveTo>
                  <a:lnTo>
                    <a:pt x="797052" y="13716"/>
                  </a:lnTo>
                  <a:lnTo>
                    <a:pt x="797052" y="0"/>
                  </a:lnTo>
                  <a:lnTo>
                    <a:pt x="851916" y="0"/>
                  </a:lnTo>
                  <a:lnTo>
                    <a:pt x="851916" y="13716"/>
                  </a:lnTo>
                  <a:close/>
                </a:path>
                <a:path w="6186170" h="375285">
                  <a:moveTo>
                    <a:pt x="947928" y="13716"/>
                  </a:moveTo>
                  <a:lnTo>
                    <a:pt x="893064" y="13716"/>
                  </a:lnTo>
                  <a:lnTo>
                    <a:pt x="893064" y="0"/>
                  </a:lnTo>
                  <a:lnTo>
                    <a:pt x="947928" y="0"/>
                  </a:lnTo>
                  <a:lnTo>
                    <a:pt x="947928" y="13716"/>
                  </a:lnTo>
                  <a:close/>
                </a:path>
                <a:path w="6186170" h="375285">
                  <a:moveTo>
                    <a:pt x="1043940" y="13716"/>
                  </a:moveTo>
                  <a:lnTo>
                    <a:pt x="989076" y="13716"/>
                  </a:lnTo>
                  <a:lnTo>
                    <a:pt x="989076" y="0"/>
                  </a:lnTo>
                  <a:lnTo>
                    <a:pt x="1043940" y="0"/>
                  </a:lnTo>
                  <a:lnTo>
                    <a:pt x="1043940" y="13716"/>
                  </a:lnTo>
                  <a:close/>
                </a:path>
                <a:path w="6186170" h="375285">
                  <a:moveTo>
                    <a:pt x="1139952" y="13716"/>
                  </a:moveTo>
                  <a:lnTo>
                    <a:pt x="1085088" y="13716"/>
                  </a:lnTo>
                  <a:lnTo>
                    <a:pt x="1085088" y="0"/>
                  </a:lnTo>
                  <a:lnTo>
                    <a:pt x="1139952" y="0"/>
                  </a:lnTo>
                  <a:lnTo>
                    <a:pt x="1139952" y="13716"/>
                  </a:lnTo>
                  <a:close/>
                </a:path>
                <a:path w="6186170" h="375285">
                  <a:moveTo>
                    <a:pt x="1235964" y="13716"/>
                  </a:moveTo>
                  <a:lnTo>
                    <a:pt x="1181100" y="13716"/>
                  </a:lnTo>
                  <a:lnTo>
                    <a:pt x="1181100" y="0"/>
                  </a:lnTo>
                  <a:lnTo>
                    <a:pt x="1235964" y="0"/>
                  </a:lnTo>
                  <a:lnTo>
                    <a:pt x="1235964" y="13716"/>
                  </a:lnTo>
                  <a:close/>
                </a:path>
                <a:path w="6186170" h="375285">
                  <a:moveTo>
                    <a:pt x="1331976" y="13716"/>
                  </a:moveTo>
                  <a:lnTo>
                    <a:pt x="1277112" y="13716"/>
                  </a:lnTo>
                  <a:lnTo>
                    <a:pt x="1277112" y="0"/>
                  </a:lnTo>
                  <a:lnTo>
                    <a:pt x="1331976" y="0"/>
                  </a:lnTo>
                  <a:lnTo>
                    <a:pt x="1331976" y="13716"/>
                  </a:lnTo>
                  <a:close/>
                </a:path>
                <a:path w="6186170" h="375285">
                  <a:moveTo>
                    <a:pt x="1427988" y="13716"/>
                  </a:moveTo>
                  <a:lnTo>
                    <a:pt x="1373124" y="13716"/>
                  </a:lnTo>
                  <a:lnTo>
                    <a:pt x="1373124" y="0"/>
                  </a:lnTo>
                  <a:lnTo>
                    <a:pt x="1427988" y="0"/>
                  </a:lnTo>
                  <a:lnTo>
                    <a:pt x="1427988" y="13716"/>
                  </a:lnTo>
                  <a:close/>
                </a:path>
                <a:path w="6186170" h="375285">
                  <a:moveTo>
                    <a:pt x="1524000" y="13716"/>
                  </a:moveTo>
                  <a:lnTo>
                    <a:pt x="1469136" y="13716"/>
                  </a:lnTo>
                  <a:lnTo>
                    <a:pt x="1469136" y="0"/>
                  </a:lnTo>
                  <a:lnTo>
                    <a:pt x="1524000" y="0"/>
                  </a:lnTo>
                  <a:lnTo>
                    <a:pt x="1524000" y="13716"/>
                  </a:lnTo>
                  <a:close/>
                </a:path>
                <a:path w="6186170" h="375285">
                  <a:moveTo>
                    <a:pt x="1618488" y="13716"/>
                  </a:moveTo>
                  <a:lnTo>
                    <a:pt x="1565148" y="13716"/>
                  </a:lnTo>
                  <a:lnTo>
                    <a:pt x="1565148" y="0"/>
                  </a:lnTo>
                  <a:lnTo>
                    <a:pt x="1618488" y="0"/>
                  </a:lnTo>
                  <a:lnTo>
                    <a:pt x="1618488" y="13716"/>
                  </a:lnTo>
                  <a:close/>
                </a:path>
                <a:path w="6186170" h="375285">
                  <a:moveTo>
                    <a:pt x="1714500" y="13716"/>
                  </a:moveTo>
                  <a:lnTo>
                    <a:pt x="1659636" y="13716"/>
                  </a:lnTo>
                  <a:lnTo>
                    <a:pt x="1659636" y="0"/>
                  </a:lnTo>
                  <a:lnTo>
                    <a:pt x="1714500" y="0"/>
                  </a:lnTo>
                  <a:lnTo>
                    <a:pt x="1714500" y="13716"/>
                  </a:lnTo>
                  <a:close/>
                </a:path>
                <a:path w="6186170" h="375285">
                  <a:moveTo>
                    <a:pt x="1810512" y="13716"/>
                  </a:moveTo>
                  <a:lnTo>
                    <a:pt x="1755648" y="13716"/>
                  </a:lnTo>
                  <a:lnTo>
                    <a:pt x="1755648" y="0"/>
                  </a:lnTo>
                  <a:lnTo>
                    <a:pt x="1810512" y="0"/>
                  </a:lnTo>
                  <a:lnTo>
                    <a:pt x="1810512" y="13716"/>
                  </a:lnTo>
                  <a:close/>
                </a:path>
                <a:path w="6186170" h="375285">
                  <a:moveTo>
                    <a:pt x="1906524" y="13716"/>
                  </a:moveTo>
                  <a:lnTo>
                    <a:pt x="1851660" y="13716"/>
                  </a:lnTo>
                  <a:lnTo>
                    <a:pt x="1851660" y="0"/>
                  </a:lnTo>
                  <a:lnTo>
                    <a:pt x="1906524" y="0"/>
                  </a:lnTo>
                  <a:lnTo>
                    <a:pt x="1906524" y="13716"/>
                  </a:lnTo>
                  <a:close/>
                </a:path>
                <a:path w="6186170" h="375285">
                  <a:moveTo>
                    <a:pt x="2002536" y="13716"/>
                  </a:moveTo>
                  <a:lnTo>
                    <a:pt x="1947672" y="13716"/>
                  </a:lnTo>
                  <a:lnTo>
                    <a:pt x="1947672" y="0"/>
                  </a:lnTo>
                  <a:lnTo>
                    <a:pt x="2002536" y="0"/>
                  </a:lnTo>
                  <a:lnTo>
                    <a:pt x="2002536" y="13716"/>
                  </a:lnTo>
                  <a:close/>
                </a:path>
                <a:path w="6186170" h="375285">
                  <a:moveTo>
                    <a:pt x="2098548" y="13716"/>
                  </a:moveTo>
                  <a:lnTo>
                    <a:pt x="2043684" y="13716"/>
                  </a:lnTo>
                  <a:lnTo>
                    <a:pt x="2043684" y="0"/>
                  </a:lnTo>
                  <a:lnTo>
                    <a:pt x="2098548" y="0"/>
                  </a:lnTo>
                  <a:lnTo>
                    <a:pt x="2098548" y="13716"/>
                  </a:lnTo>
                  <a:close/>
                </a:path>
                <a:path w="6186170" h="375285">
                  <a:moveTo>
                    <a:pt x="2194560" y="13716"/>
                  </a:moveTo>
                  <a:lnTo>
                    <a:pt x="2139696" y="13716"/>
                  </a:lnTo>
                  <a:lnTo>
                    <a:pt x="2139696" y="0"/>
                  </a:lnTo>
                  <a:lnTo>
                    <a:pt x="2194560" y="0"/>
                  </a:lnTo>
                  <a:lnTo>
                    <a:pt x="2194560" y="13716"/>
                  </a:lnTo>
                  <a:close/>
                </a:path>
                <a:path w="6186170" h="375285">
                  <a:moveTo>
                    <a:pt x="2290572" y="13716"/>
                  </a:moveTo>
                  <a:lnTo>
                    <a:pt x="2235708" y="13716"/>
                  </a:lnTo>
                  <a:lnTo>
                    <a:pt x="2235708" y="0"/>
                  </a:lnTo>
                  <a:lnTo>
                    <a:pt x="2290572" y="0"/>
                  </a:lnTo>
                  <a:lnTo>
                    <a:pt x="2290572" y="13716"/>
                  </a:lnTo>
                  <a:close/>
                </a:path>
                <a:path w="6186170" h="375285">
                  <a:moveTo>
                    <a:pt x="2386584" y="13716"/>
                  </a:moveTo>
                  <a:lnTo>
                    <a:pt x="2331720" y="13716"/>
                  </a:lnTo>
                  <a:lnTo>
                    <a:pt x="2331720" y="0"/>
                  </a:lnTo>
                  <a:lnTo>
                    <a:pt x="2386584" y="0"/>
                  </a:lnTo>
                  <a:lnTo>
                    <a:pt x="2386584" y="13716"/>
                  </a:lnTo>
                  <a:close/>
                </a:path>
                <a:path w="6186170" h="375285">
                  <a:moveTo>
                    <a:pt x="2482596" y="13716"/>
                  </a:moveTo>
                  <a:lnTo>
                    <a:pt x="2427732" y="13716"/>
                  </a:lnTo>
                  <a:lnTo>
                    <a:pt x="2427732" y="0"/>
                  </a:lnTo>
                  <a:lnTo>
                    <a:pt x="2482596" y="0"/>
                  </a:lnTo>
                  <a:lnTo>
                    <a:pt x="2482596" y="13716"/>
                  </a:lnTo>
                  <a:close/>
                </a:path>
                <a:path w="6186170" h="375285">
                  <a:moveTo>
                    <a:pt x="2578608" y="13716"/>
                  </a:moveTo>
                  <a:lnTo>
                    <a:pt x="2523744" y="13716"/>
                  </a:lnTo>
                  <a:lnTo>
                    <a:pt x="2523744" y="0"/>
                  </a:lnTo>
                  <a:lnTo>
                    <a:pt x="2578608" y="0"/>
                  </a:lnTo>
                  <a:lnTo>
                    <a:pt x="2578608" y="13716"/>
                  </a:lnTo>
                  <a:close/>
                </a:path>
                <a:path w="6186170" h="375285">
                  <a:moveTo>
                    <a:pt x="2674620" y="13716"/>
                  </a:moveTo>
                  <a:lnTo>
                    <a:pt x="2619756" y="13716"/>
                  </a:lnTo>
                  <a:lnTo>
                    <a:pt x="2619756" y="0"/>
                  </a:lnTo>
                  <a:lnTo>
                    <a:pt x="2674620" y="0"/>
                  </a:lnTo>
                  <a:lnTo>
                    <a:pt x="2674620" y="13716"/>
                  </a:lnTo>
                  <a:close/>
                </a:path>
                <a:path w="6186170" h="375285">
                  <a:moveTo>
                    <a:pt x="2770632" y="13716"/>
                  </a:moveTo>
                  <a:lnTo>
                    <a:pt x="2715768" y="13716"/>
                  </a:lnTo>
                  <a:lnTo>
                    <a:pt x="2715768" y="0"/>
                  </a:lnTo>
                  <a:lnTo>
                    <a:pt x="2770632" y="0"/>
                  </a:lnTo>
                  <a:lnTo>
                    <a:pt x="2770632" y="13716"/>
                  </a:lnTo>
                  <a:close/>
                </a:path>
                <a:path w="6186170" h="375285">
                  <a:moveTo>
                    <a:pt x="2866644" y="13716"/>
                  </a:moveTo>
                  <a:lnTo>
                    <a:pt x="2811780" y="13716"/>
                  </a:lnTo>
                  <a:lnTo>
                    <a:pt x="2811780" y="0"/>
                  </a:lnTo>
                  <a:lnTo>
                    <a:pt x="2866644" y="0"/>
                  </a:lnTo>
                  <a:lnTo>
                    <a:pt x="2866644" y="13716"/>
                  </a:lnTo>
                  <a:close/>
                </a:path>
                <a:path w="6186170" h="375285">
                  <a:moveTo>
                    <a:pt x="2962656" y="13716"/>
                  </a:moveTo>
                  <a:lnTo>
                    <a:pt x="2907792" y="13716"/>
                  </a:lnTo>
                  <a:lnTo>
                    <a:pt x="2907792" y="0"/>
                  </a:lnTo>
                  <a:lnTo>
                    <a:pt x="2962656" y="0"/>
                  </a:lnTo>
                  <a:lnTo>
                    <a:pt x="2962656" y="13716"/>
                  </a:lnTo>
                  <a:close/>
                </a:path>
                <a:path w="6186170" h="375285">
                  <a:moveTo>
                    <a:pt x="3058668" y="13716"/>
                  </a:moveTo>
                  <a:lnTo>
                    <a:pt x="3003804" y="13716"/>
                  </a:lnTo>
                  <a:lnTo>
                    <a:pt x="3003804" y="0"/>
                  </a:lnTo>
                  <a:lnTo>
                    <a:pt x="3058668" y="0"/>
                  </a:lnTo>
                  <a:lnTo>
                    <a:pt x="3058668" y="13716"/>
                  </a:lnTo>
                  <a:close/>
                </a:path>
                <a:path w="6186170" h="375285">
                  <a:moveTo>
                    <a:pt x="3154680" y="13716"/>
                  </a:moveTo>
                  <a:lnTo>
                    <a:pt x="3099816" y="13716"/>
                  </a:lnTo>
                  <a:lnTo>
                    <a:pt x="3099816" y="0"/>
                  </a:lnTo>
                  <a:lnTo>
                    <a:pt x="3154680" y="0"/>
                  </a:lnTo>
                  <a:lnTo>
                    <a:pt x="3154680" y="13716"/>
                  </a:lnTo>
                  <a:close/>
                </a:path>
                <a:path w="6186170" h="375285">
                  <a:moveTo>
                    <a:pt x="3250692" y="13716"/>
                  </a:moveTo>
                  <a:lnTo>
                    <a:pt x="3195828" y="13716"/>
                  </a:lnTo>
                  <a:lnTo>
                    <a:pt x="3195828" y="0"/>
                  </a:lnTo>
                  <a:lnTo>
                    <a:pt x="3250692" y="0"/>
                  </a:lnTo>
                  <a:lnTo>
                    <a:pt x="3250692" y="13716"/>
                  </a:lnTo>
                  <a:close/>
                </a:path>
                <a:path w="6186170" h="375285">
                  <a:moveTo>
                    <a:pt x="3346704" y="13716"/>
                  </a:moveTo>
                  <a:lnTo>
                    <a:pt x="3291840" y="13716"/>
                  </a:lnTo>
                  <a:lnTo>
                    <a:pt x="3291840" y="0"/>
                  </a:lnTo>
                  <a:lnTo>
                    <a:pt x="3346704" y="0"/>
                  </a:lnTo>
                  <a:lnTo>
                    <a:pt x="3346704" y="13716"/>
                  </a:lnTo>
                  <a:close/>
                </a:path>
                <a:path w="6186170" h="375285">
                  <a:moveTo>
                    <a:pt x="3442716" y="13716"/>
                  </a:moveTo>
                  <a:lnTo>
                    <a:pt x="3387852" y="13716"/>
                  </a:lnTo>
                  <a:lnTo>
                    <a:pt x="3387852" y="0"/>
                  </a:lnTo>
                  <a:lnTo>
                    <a:pt x="3442716" y="0"/>
                  </a:lnTo>
                  <a:lnTo>
                    <a:pt x="3442716" y="13716"/>
                  </a:lnTo>
                  <a:close/>
                </a:path>
                <a:path w="6186170" h="375285">
                  <a:moveTo>
                    <a:pt x="3538728" y="13716"/>
                  </a:moveTo>
                  <a:lnTo>
                    <a:pt x="3483864" y="13716"/>
                  </a:lnTo>
                  <a:lnTo>
                    <a:pt x="3483864" y="0"/>
                  </a:lnTo>
                  <a:lnTo>
                    <a:pt x="3538728" y="0"/>
                  </a:lnTo>
                  <a:lnTo>
                    <a:pt x="3538728" y="13716"/>
                  </a:lnTo>
                  <a:close/>
                </a:path>
                <a:path w="6186170" h="375285">
                  <a:moveTo>
                    <a:pt x="3634740" y="13716"/>
                  </a:moveTo>
                  <a:lnTo>
                    <a:pt x="3579876" y="13716"/>
                  </a:lnTo>
                  <a:lnTo>
                    <a:pt x="3579876" y="0"/>
                  </a:lnTo>
                  <a:lnTo>
                    <a:pt x="3634740" y="0"/>
                  </a:lnTo>
                  <a:lnTo>
                    <a:pt x="3634740" y="13716"/>
                  </a:lnTo>
                  <a:close/>
                </a:path>
                <a:path w="6186170" h="375285">
                  <a:moveTo>
                    <a:pt x="3730752" y="13716"/>
                  </a:moveTo>
                  <a:lnTo>
                    <a:pt x="3675888" y="13716"/>
                  </a:lnTo>
                  <a:lnTo>
                    <a:pt x="3675888" y="0"/>
                  </a:lnTo>
                  <a:lnTo>
                    <a:pt x="3730752" y="0"/>
                  </a:lnTo>
                  <a:lnTo>
                    <a:pt x="3730752" y="13716"/>
                  </a:lnTo>
                  <a:close/>
                </a:path>
                <a:path w="6186170" h="375285">
                  <a:moveTo>
                    <a:pt x="3826764" y="13716"/>
                  </a:moveTo>
                  <a:lnTo>
                    <a:pt x="3771900" y="13716"/>
                  </a:lnTo>
                  <a:lnTo>
                    <a:pt x="3771900" y="0"/>
                  </a:lnTo>
                  <a:lnTo>
                    <a:pt x="3826764" y="0"/>
                  </a:lnTo>
                  <a:lnTo>
                    <a:pt x="3826764" y="13716"/>
                  </a:lnTo>
                  <a:close/>
                </a:path>
                <a:path w="6186170" h="375285">
                  <a:moveTo>
                    <a:pt x="3922776" y="13716"/>
                  </a:moveTo>
                  <a:lnTo>
                    <a:pt x="3867912" y="13716"/>
                  </a:lnTo>
                  <a:lnTo>
                    <a:pt x="3867912" y="0"/>
                  </a:lnTo>
                  <a:lnTo>
                    <a:pt x="3922776" y="0"/>
                  </a:lnTo>
                  <a:lnTo>
                    <a:pt x="3922776" y="13716"/>
                  </a:lnTo>
                  <a:close/>
                </a:path>
                <a:path w="6186170" h="375285">
                  <a:moveTo>
                    <a:pt x="4018788" y="13716"/>
                  </a:moveTo>
                  <a:lnTo>
                    <a:pt x="3963924" y="13716"/>
                  </a:lnTo>
                  <a:lnTo>
                    <a:pt x="3963924" y="0"/>
                  </a:lnTo>
                  <a:lnTo>
                    <a:pt x="4018788" y="0"/>
                  </a:lnTo>
                  <a:lnTo>
                    <a:pt x="4018788" y="13716"/>
                  </a:lnTo>
                  <a:close/>
                </a:path>
                <a:path w="6186170" h="375285">
                  <a:moveTo>
                    <a:pt x="4113276" y="13716"/>
                  </a:moveTo>
                  <a:lnTo>
                    <a:pt x="4058412" y="13716"/>
                  </a:lnTo>
                  <a:lnTo>
                    <a:pt x="4058412" y="0"/>
                  </a:lnTo>
                  <a:lnTo>
                    <a:pt x="4113276" y="0"/>
                  </a:lnTo>
                  <a:lnTo>
                    <a:pt x="4113276" y="13716"/>
                  </a:lnTo>
                  <a:close/>
                </a:path>
                <a:path w="6186170" h="375285">
                  <a:moveTo>
                    <a:pt x="4209288" y="13716"/>
                  </a:moveTo>
                  <a:lnTo>
                    <a:pt x="4154424" y="13716"/>
                  </a:lnTo>
                  <a:lnTo>
                    <a:pt x="4154424" y="0"/>
                  </a:lnTo>
                  <a:lnTo>
                    <a:pt x="4209288" y="0"/>
                  </a:lnTo>
                  <a:lnTo>
                    <a:pt x="4209288" y="13716"/>
                  </a:lnTo>
                  <a:close/>
                </a:path>
                <a:path w="6186170" h="375285">
                  <a:moveTo>
                    <a:pt x="4305300" y="13716"/>
                  </a:moveTo>
                  <a:lnTo>
                    <a:pt x="4250436" y="13716"/>
                  </a:lnTo>
                  <a:lnTo>
                    <a:pt x="4250436" y="0"/>
                  </a:lnTo>
                  <a:lnTo>
                    <a:pt x="4305300" y="0"/>
                  </a:lnTo>
                  <a:lnTo>
                    <a:pt x="4305300" y="13716"/>
                  </a:lnTo>
                  <a:close/>
                </a:path>
                <a:path w="6186170" h="375285">
                  <a:moveTo>
                    <a:pt x="4401312" y="13716"/>
                  </a:moveTo>
                  <a:lnTo>
                    <a:pt x="4346448" y="13716"/>
                  </a:lnTo>
                  <a:lnTo>
                    <a:pt x="4346448" y="0"/>
                  </a:lnTo>
                  <a:lnTo>
                    <a:pt x="4401312" y="0"/>
                  </a:lnTo>
                  <a:lnTo>
                    <a:pt x="4401312" y="13716"/>
                  </a:lnTo>
                  <a:close/>
                </a:path>
                <a:path w="6186170" h="375285">
                  <a:moveTo>
                    <a:pt x="4497324" y="13716"/>
                  </a:moveTo>
                  <a:lnTo>
                    <a:pt x="4442460" y="13716"/>
                  </a:lnTo>
                  <a:lnTo>
                    <a:pt x="4442460" y="0"/>
                  </a:lnTo>
                  <a:lnTo>
                    <a:pt x="4497324" y="0"/>
                  </a:lnTo>
                  <a:lnTo>
                    <a:pt x="4497324" y="13716"/>
                  </a:lnTo>
                  <a:close/>
                </a:path>
                <a:path w="6186170" h="375285">
                  <a:moveTo>
                    <a:pt x="4593336" y="13716"/>
                  </a:moveTo>
                  <a:lnTo>
                    <a:pt x="4538472" y="13716"/>
                  </a:lnTo>
                  <a:lnTo>
                    <a:pt x="4538472" y="0"/>
                  </a:lnTo>
                  <a:lnTo>
                    <a:pt x="4593336" y="0"/>
                  </a:lnTo>
                  <a:lnTo>
                    <a:pt x="4593336" y="13716"/>
                  </a:lnTo>
                  <a:close/>
                </a:path>
                <a:path w="6186170" h="375285">
                  <a:moveTo>
                    <a:pt x="4689348" y="13716"/>
                  </a:moveTo>
                  <a:lnTo>
                    <a:pt x="4634484" y="13716"/>
                  </a:lnTo>
                  <a:lnTo>
                    <a:pt x="4634484" y="0"/>
                  </a:lnTo>
                  <a:lnTo>
                    <a:pt x="4689348" y="0"/>
                  </a:lnTo>
                  <a:lnTo>
                    <a:pt x="4689348" y="13716"/>
                  </a:lnTo>
                  <a:close/>
                </a:path>
                <a:path w="6186170" h="375285">
                  <a:moveTo>
                    <a:pt x="4785360" y="13716"/>
                  </a:moveTo>
                  <a:lnTo>
                    <a:pt x="4730496" y="13716"/>
                  </a:lnTo>
                  <a:lnTo>
                    <a:pt x="4730496" y="0"/>
                  </a:lnTo>
                  <a:lnTo>
                    <a:pt x="4785360" y="0"/>
                  </a:lnTo>
                  <a:lnTo>
                    <a:pt x="4785360" y="13716"/>
                  </a:lnTo>
                  <a:close/>
                </a:path>
                <a:path w="6186170" h="375285">
                  <a:moveTo>
                    <a:pt x="4881372" y="13716"/>
                  </a:moveTo>
                  <a:lnTo>
                    <a:pt x="4826508" y="13716"/>
                  </a:lnTo>
                  <a:lnTo>
                    <a:pt x="4826508" y="0"/>
                  </a:lnTo>
                  <a:lnTo>
                    <a:pt x="4881372" y="0"/>
                  </a:lnTo>
                  <a:lnTo>
                    <a:pt x="4881372" y="13716"/>
                  </a:lnTo>
                  <a:close/>
                </a:path>
                <a:path w="6186170" h="375285">
                  <a:moveTo>
                    <a:pt x="4977384" y="13716"/>
                  </a:moveTo>
                  <a:lnTo>
                    <a:pt x="4922520" y="13716"/>
                  </a:lnTo>
                  <a:lnTo>
                    <a:pt x="4922520" y="0"/>
                  </a:lnTo>
                  <a:lnTo>
                    <a:pt x="4977384" y="0"/>
                  </a:lnTo>
                  <a:lnTo>
                    <a:pt x="4977384" y="13716"/>
                  </a:lnTo>
                  <a:close/>
                </a:path>
                <a:path w="6186170" h="375285">
                  <a:moveTo>
                    <a:pt x="5073396" y="13716"/>
                  </a:moveTo>
                  <a:lnTo>
                    <a:pt x="5018532" y="13716"/>
                  </a:lnTo>
                  <a:lnTo>
                    <a:pt x="5018532" y="0"/>
                  </a:lnTo>
                  <a:lnTo>
                    <a:pt x="5073396" y="0"/>
                  </a:lnTo>
                  <a:lnTo>
                    <a:pt x="5073396" y="13716"/>
                  </a:lnTo>
                  <a:close/>
                </a:path>
                <a:path w="6186170" h="375285">
                  <a:moveTo>
                    <a:pt x="5169408" y="13716"/>
                  </a:moveTo>
                  <a:lnTo>
                    <a:pt x="5114544" y="13716"/>
                  </a:lnTo>
                  <a:lnTo>
                    <a:pt x="5114544" y="0"/>
                  </a:lnTo>
                  <a:lnTo>
                    <a:pt x="5169408" y="0"/>
                  </a:lnTo>
                  <a:lnTo>
                    <a:pt x="5169408" y="13716"/>
                  </a:lnTo>
                  <a:close/>
                </a:path>
                <a:path w="6186170" h="375285">
                  <a:moveTo>
                    <a:pt x="5265420" y="13716"/>
                  </a:moveTo>
                  <a:lnTo>
                    <a:pt x="5210556" y="13716"/>
                  </a:lnTo>
                  <a:lnTo>
                    <a:pt x="5210556" y="0"/>
                  </a:lnTo>
                  <a:lnTo>
                    <a:pt x="5265420" y="0"/>
                  </a:lnTo>
                  <a:lnTo>
                    <a:pt x="5265420" y="13716"/>
                  </a:lnTo>
                  <a:close/>
                </a:path>
                <a:path w="6186170" h="375285">
                  <a:moveTo>
                    <a:pt x="5361432" y="13716"/>
                  </a:moveTo>
                  <a:lnTo>
                    <a:pt x="5306568" y="13716"/>
                  </a:lnTo>
                  <a:lnTo>
                    <a:pt x="5306568" y="0"/>
                  </a:lnTo>
                  <a:lnTo>
                    <a:pt x="5361432" y="0"/>
                  </a:lnTo>
                  <a:lnTo>
                    <a:pt x="5361432" y="13716"/>
                  </a:lnTo>
                  <a:close/>
                </a:path>
                <a:path w="6186170" h="375285">
                  <a:moveTo>
                    <a:pt x="5457444" y="13716"/>
                  </a:moveTo>
                  <a:lnTo>
                    <a:pt x="5402580" y="13716"/>
                  </a:lnTo>
                  <a:lnTo>
                    <a:pt x="5402580" y="0"/>
                  </a:lnTo>
                  <a:lnTo>
                    <a:pt x="5457444" y="0"/>
                  </a:lnTo>
                  <a:lnTo>
                    <a:pt x="5457444" y="13716"/>
                  </a:lnTo>
                  <a:close/>
                </a:path>
                <a:path w="6186170" h="375285">
                  <a:moveTo>
                    <a:pt x="5553456" y="13716"/>
                  </a:moveTo>
                  <a:lnTo>
                    <a:pt x="5498592" y="13716"/>
                  </a:lnTo>
                  <a:lnTo>
                    <a:pt x="5498592" y="0"/>
                  </a:lnTo>
                  <a:lnTo>
                    <a:pt x="5553456" y="0"/>
                  </a:lnTo>
                  <a:lnTo>
                    <a:pt x="5553456" y="13716"/>
                  </a:lnTo>
                  <a:close/>
                </a:path>
                <a:path w="6186170" h="375285">
                  <a:moveTo>
                    <a:pt x="5649468" y="13716"/>
                  </a:moveTo>
                  <a:lnTo>
                    <a:pt x="5594604" y="13716"/>
                  </a:lnTo>
                  <a:lnTo>
                    <a:pt x="5594604" y="0"/>
                  </a:lnTo>
                  <a:lnTo>
                    <a:pt x="5649468" y="0"/>
                  </a:lnTo>
                  <a:lnTo>
                    <a:pt x="5649468" y="13716"/>
                  </a:lnTo>
                  <a:close/>
                </a:path>
                <a:path w="6186170" h="375285">
                  <a:moveTo>
                    <a:pt x="5745480" y="13716"/>
                  </a:moveTo>
                  <a:lnTo>
                    <a:pt x="5690616" y="13716"/>
                  </a:lnTo>
                  <a:lnTo>
                    <a:pt x="5690616" y="0"/>
                  </a:lnTo>
                  <a:lnTo>
                    <a:pt x="5745480" y="0"/>
                  </a:lnTo>
                  <a:lnTo>
                    <a:pt x="5745480" y="13716"/>
                  </a:lnTo>
                  <a:close/>
                </a:path>
                <a:path w="6186170" h="375285">
                  <a:moveTo>
                    <a:pt x="5841492" y="13716"/>
                  </a:moveTo>
                  <a:lnTo>
                    <a:pt x="5786628" y="13716"/>
                  </a:lnTo>
                  <a:lnTo>
                    <a:pt x="5786628" y="0"/>
                  </a:lnTo>
                  <a:lnTo>
                    <a:pt x="5841492" y="0"/>
                  </a:lnTo>
                  <a:lnTo>
                    <a:pt x="5841492" y="13716"/>
                  </a:lnTo>
                  <a:close/>
                </a:path>
                <a:path w="6186170" h="375285">
                  <a:moveTo>
                    <a:pt x="5937504" y="13716"/>
                  </a:moveTo>
                  <a:lnTo>
                    <a:pt x="5882640" y="13716"/>
                  </a:lnTo>
                  <a:lnTo>
                    <a:pt x="5882640" y="0"/>
                  </a:lnTo>
                  <a:lnTo>
                    <a:pt x="5937504" y="0"/>
                  </a:lnTo>
                  <a:lnTo>
                    <a:pt x="5937504" y="13716"/>
                  </a:lnTo>
                  <a:close/>
                </a:path>
                <a:path w="6186170" h="375285">
                  <a:moveTo>
                    <a:pt x="6033516" y="13716"/>
                  </a:moveTo>
                  <a:lnTo>
                    <a:pt x="5978652" y="13716"/>
                  </a:lnTo>
                  <a:lnTo>
                    <a:pt x="5978652" y="0"/>
                  </a:lnTo>
                  <a:lnTo>
                    <a:pt x="6033516" y="0"/>
                  </a:lnTo>
                  <a:lnTo>
                    <a:pt x="6033516" y="13716"/>
                  </a:lnTo>
                  <a:close/>
                </a:path>
                <a:path w="6186170" h="375285">
                  <a:moveTo>
                    <a:pt x="6129528" y="13716"/>
                  </a:moveTo>
                  <a:lnTo>
                    <a:pt x="6074664" y="13716"/>
                  </a:lnTo>
                  <a:lnTo>
                    <a:pt x="6074664" y="0"/>
                  </a:lnTo>
                  <a:lnTo>
                    <a:pt x="6129528" y="0"/>
                  </a:lnTo>
                  <a:lnTo>
                    <a:pt x="6129528" y="13716"/>
                  </a:lnTo>
                  <a:close/>
                </a:path>
                <a:path w="6186170" h="375285">
                  <a:moveTo>
                    <a:pt x="6172200" y="13716"/>
                  </a:moveTo>
                  <a:lnTo>
                    <a:pt x="6170676" y="13716"/>
                  </a:lnTo>
                  <a:lnTo>
                    <a:pt x="6170676" y="0"/>
                  </a:lnTo>
                  <a:lnTo>
                    <a:pt x="6185916" y="0"/>
                  </a:lnTo>
                  <a:lnTo>
                    <a:pt x="6185916" y="6096"/>
                  </a:lnTo>
                  <a:lnTo>
                    <a:pt x="6172200" y="6096"/>
                  </a:lnTo>
                  <a:lnTo>
                    <a:pt x="6172200" y="13716"/>
                  </a:lnTo>
                  <a:close/>
                </a:path>
                <a:path w="6186170" h="375285">
                  <a:moveTo>
                    <a:pt x="6185916" y="51816"/>
                  </a:moveTo>
                  <a:lnTo>
                    <a:pt x="6172200" y="51816"/>
                  </a:lnTo>
                  <a:lnTo>
                    <a:pt x="6172200" y="6096"/>
                  </a:lnTo>
                  <a:lnTo>
                    <a:pt x="6178296" y="13716"/>
                  </a:lnTo>
                  <a:lnTo>
                    <a:pt x="6185916" y="13716"/>
                  </a:lnTo>
                  <a:lnTo>
                    <a:pt x="6185916" y="51816"/>
                  </a:lnTo>
                  <a:close/>
                </a:path>
                <a:path w="6186170" h="375285">
                  <a:moveTo>
                    <a:pt x="6185916" y="13716"/>
                  </a:moveTo>
                  <a:lnTo>
                    <a:pt x="6178296" y="13716"/>
                  </a:lnTo>
                  <a:lnTo>
                    <a:pt x="6172200" y="6096"/>
                  </a:lnTo>
                  <a:lnTo>
                    <a:pt x="6185916" y="6096"/>
                  </a:lnTo>
                  <a:lnTo>
                    <a:pt x="6185916" y="13716"/>
                  </a:lnTo>
                  <a:close/>
                </a:path>
                <a:path w="6186170" h="375285">
                  <a:moveTo>
                    <a:pt x="6185916" y="147828"/>
                  </a:moveTo>
                  <a:lnTo>
                    <a:pt x="6172200" y="147828"/>
                  </a:lnTo>
                  <a:lnTo>
                    <a:pt x="6172200" y="92964"/>
                  </a:lnTo>
                  <a:lnTo>
                    <a:pt x="6185916" y="92964"/>
                  </a:lnTo>
                  <a:lnTo>
                    <a:pt x="6185916" y="147828"/>
                  </a:lnTo>
                  <a:close/>
                </a:path>
                <a:path w="6186170" h="375285">
                  <a:moveTo>
                    <a:pt x="6185916" y="243840"/>
                  </a:moveTo>
                  <a:lnTo>
                    <a:pt x="6172200" y="243840"/>
                  </a:lnTo>
                  <a:lnTo>
                    <a:pt x="6172200" y="188976"/>
                  </a:lnTo>
                  <a:lnTo>
                    <a:pt x="6185916" y="188976"/>
                  </a:lnTo>
                  <a:lnTo>
                    <a:pt x="6185916" y="243840"/>
                  </a:lnTo>
                  <a:close/>
                </a:path>
                <a:path w="6186170" h="375285">
                  <a:moveTo>
                    <a:pt x="6185916" y="339852"/>
                  </a:moveTo>
                  <a:lnTo>
                    <a:pt x="6172200" y="339852"/>
                  </a:lnTo>
                  <a:lnTo>
                    <a:pt x="6172200" y="284988"/>
                  </a:lnTo>
                  <a:lnTo>
                    <a:pt x="6185916" y="284988"/>
                  </a:lnTo>
                  <a:lnTo>
                    <a:pt x="6185916" y="339852"/>
                  </a:lnTo>
                  <a:close/>
                </a:path>
                <a:path w="6186170" h="375285">
                  <a:moveTo>
                    <a:pt x="6166104" y="374904"/>
                  </a:moveTo>
                  <a:lnTo>
                    <a:pt x="6111240" y="374904"/>
                  </a:lnTo>
                  <a:lnTo>
                    <a:pt x="6111240" y="361188"/>
                  </a:lnTo>
                  <a:lnTo>
                    <a:pt x="6166104" y="361188"/>
                  </a:lnTo>
                  <a:lnTo>
                    <a:pt x="6166104" y="374904"/>
                  </a:lnTo>
                  <a:close/>
                </a:path>
                <a:path w="6186170" h="375285">
                  <a:moveTo>
                    <a:pt x="6070092" y="374904"/>
                  </a:moveTo>
                  <a:lnTo>
                    <a:pt x="6015228" y="374904"/>
                  </a:lnTo>
                  <a:lnTo>
                    <a:pt x="6015228" y="361188"/>
                  </a:lnTo>
                  <a:lnTo>
                    <a:pt x="6070092" y="361188"/>
                  </a:lnTo>
                  <a:lnTo>
                    <a:pt x="6070092" y="374904"/>
                  </a:lnTo>
                  <a:close/>
                </a:path>
                <a:path w="6186170" h="375285">
                  <a:moveTo>
                    <a:pt x="5974080" y="374904"/>
                  </a:moveTo>
                  <a:lnTo>
                    <a:pt x="5919216" y="374904"/>
                  </a:lnTo>
                  <a:lnTo>
                    <a:pt x="5919216" y="361188"/>
                  </a:lnTo>
                  <a:lnTo>
                    <a:pt x="5974080" y="361188"/>
                  </a:lnTo>
                  <a:lnTo>
                    <a:pt x="5974080" y="374904"/>
                  </a:lnTo>
                  <a:close/>
                </a:path>
                <a:path w="6186170" h="375285">
                  <a:moveTo>
                    <a:pt x="5878068" y="374904"/>
                  </a:moveTo>
                  <a:lnTo>
                    <a:pt x="5823204" y="374904"/>
                  </a:lnTo>
                  <a:lnTo>
                    <a:pt x="5823204" y="361188"/>
                  </a:lnTo>
                  <a:lnTo>
                    <a:pt x="5878068" y="361188"/>
                  </a:lnTo>
                  <a:lnTo>
                    <a:pt x="5878068" y="374904"/>
                  </a:lnTo>
                  <a:close/>
                </a:path>
                <a:path w="6186170" h="375285">
                  <a:moveTo>
                    <a:pt x="5782056" y="374904"/>
                  </a:moveTo>
                  <a:lnTo>
                    <a:pt x="5727192" y="374904"/>
                  </a:lnTo>
                  <a:lnTo>
                    <a:pt x="5727192" y="361188"/>
                  </a:lnTo>
                  <a:lnTo>
                    <a:pt x="5782056" y="361188"/>
                  </a:lnTo>
                  <a:lnTo>
                    <a:pt x="5782056" y="374904"/>
                  </a:lnTo>
                  <a:close/>
                </a:path>
                <a:path w="6186170" h="375285">
                  <a:moveTo>
                    <a:pt x="5686044" y="374904"/>
                  </a:moveTo>
                  <a:lnTo>
                    <a:pt x="5631180" y="374904"/>
                  </a:lnTo>
                  <a:lnTo>
                    <a:pt x="5631180" y="361188"/>
                  </a:lnTo>
                  <a:lnTo>
                    <a:pt x="5686044" y="361188"/>
                  </a:lnTo>
                  <a:lnTo>
                    <a:pt x="5686044" y="374904"/>
                  </a:lnTo>
                  <a:close/>
                </a:path>
                <a:path w="6186170" h="375285">
                  <a:moveTo>
                    <a:pt x="5590032" y="374904"/>
                  </a:moveTo>
                  <a:lnTo>
                    <a:pt x="5535168" y="374904"/>
                  </a:lnTo>
                  <a:lnTo>
                    <a:pt x="5535168" y="361188"/>
                  </a:lnTo>
                  <a:lnTo>
                    <a:pt x="5590032" y="361188"/>
                  </a:lnTo>
                  <a:lnTo>
                    <a:pt x="5590032" y="374904"/>
                  </a:lnTo>
                  <a:close/>
                </a:path>
                <a:path w="6186170" h="375285">
                  <a:moveTo>
                    <a:pt x="5494020" y="374904"/>
                  </a:moveTo>
                  <a:lnTo>
                    <a:pt x="5439156" y="374904"/>
                  </a:lnTo>
                  <a:lnTo>
                    <a:pt x="5439156" y="361188"/>
                  </a:lnTo>
                  <a:lnTo>
                    <a:pt x="5494020" y="361188"/>
                  </a:lnTo>
                  <a:lnTo>
                    <a:pt x="5494020" y="374904"/>
                  </a:lnTo>
                  <a:close/>
                </a:path>
                <a:path w="6186170" h="375285">
                  <a:moveTo>
                    <a:pt x="5398008" y="374904"/>
                  </a:moveTo>
                  <a:lnTo>
                    <a:pt x="5343144" y="374904"/>
                  </a:lnTo>
                  <a:lnTo>
                    <a:pt x="5343144" y="361188"/>
                  </a:lnTo>
                  <a:lnTo>
                    <a:pt x="5398008" y="361188"/>
                  </a:lnTo>
                  <a:lnTo>
                    <a:pt x="5398008" y="374904"/>
                  </a:lnTo>
                  <a:close/>
                </a:path>
                <a:path w="6186170" h="375285">
                  <a:moveTo>
                    <a:pt x="5301996" y="374904"/>
                  </a:moveTo>
                  <a:lnTo>
                    <a:pt x="5247132" y="374904"/>
                  </a:lnTo>
                  <a:lnTo>
                    <a:pt x="5247132" y="361188"/>
                  </a:lnTo>
                  <a:lnTo>
                    <a:pt x="5301996" y="361188"/>
                  </a:lnTo>
                  <a:lnTo>
                    <a:pt x="5301996" y="374904"/>
                  </a:lnTo>
                  <a:close/>
                </a:path>
                <a:path w="6186170" h="375285">
                  <a:moveTo>
                    <a:pt x="5205984" y="374904"/>
                  </a:moveTo>
                  <a:lnTo>
                    <a:pt x="5151120" y="374904"/>
                  </a:lnTo>
                  <a:lnTo>
                    <a:pt x="5151120" y="361188"/>
                  </a:lnTo>
                  <a:lnTo>
                    <a:pt x="5205984" y="361188"/>
                  </a:lnTo>
                  <a:lnTo>
                    <a:pt x="5205984" y="374904"/>
                  </a:lnTo>
                  <a:close/>
                </a:path>
                <a:path w="6186170" h="375285">
                  <a:moveTo>
                    <a:pt x="5109972" y="374904"/>
                  </a:moveTo>
                  <a:lnTo>
                    <a:pt x="5055108" y="374904"/>
                  </a:lnTo>
                  <a:lnTo>
                    <a:pt x="5055108" y="361188"/>
                  </a:lnTo>
                  <a:lnTo>
                    <a:pt x="5109972" y="361188"/>
                  </a:lnTo>
                  <a:lnTo>
                    <a:pt x="5109972" y="374904"/>
                  </a:lnTo>
                  <a:close/>
                </a:path>
                <a:path w="6186170" h="375285">
                  <a:moveTo>
                    <a:pt x="5013960" y="374904"/>
                  </a:moveTo>
                  <a:lnTo>
                    <a:pt x="4959096" y="374904"/>
                  </a:lnTo>
                  <a:lnTo>
                    <a:pt x="4959096" y="361188"/>
                  </a:lnTo>
                  <a:lnTo>
                    <a:pt x="5013960" y="361188"/>
                  </a:lnTo>
                  <a:lnTo>
                    <a:pt x="5013960" y="374904"/>
                  </a:lnTo>
                  <a:close/>
                </a:path>
                <a:path w="6186170" h="375285">
                  <a:moveTo>
                    <a:pt x="4917948" y="374904"/>
                  </a:moveTo>
                  <a:lnTo>
                    <a:pt x="4863084" y="374904"/>
                  </a:lnTo>
                  <a:lnTo>
                    <a:pt x="4863084" y="361188"/>
                  </a:lnTo>
                  <a:lnTo>
                    <a:pt x="4917948" y="361188"/>
                  </a:lnTo>
                  <a:lnTo>
                    <a:pt x="4917948" y="374904"/>
                  </a:lnTo>
                  <a:close/>
                </a:path>
                <a:path w="6186170" h="375285">
                  <a:moveTo>
                    <a:pt x="4821936" y="374904"/>
                  </a:moveTo>
                  <a:lnTo>
                    <a:pt x="4767072" y="374904"/>
                  </a:lnTo>
                  <a:lnTo>
                    <a:pt x="4767072" y="361188"/>
                  </a:lnTo>
                  <a:lnTo>
                    <a:pt x="4821936" y="361188"/>
                  </a:lnTo>
                  <a:lnTo>
                    <a:pt x="4821936" y="374904"/>
                  </a:lnTo>
                  <a:close/>
                </a:path>
                <a:path w="6186170" h="375285">
                  <a:moveTo>
                    <a:pt x="4725924" y="374904"/>
                  </a:moveTo>
                  <a:lnTo>
                    <a:pt x="4671060" y="374904"/>
                  </a:lnTo>
                  <a:lnTo>
                    <a:pt x="4671060" y="361188"/>
                  </a:lnTo>
                  <a:lnTo>
                    <a:pt x="4725924" y="361188"/>
                  </a:lnTo>
                  <a:lnTo>
                    <a:pt x="4725924" y="374904"/>
                  </a:lnTo>
                  <a:close/>
                </a:path>
                <a:path w="6186170" h="375285">
                  <a:moveTo>
                    <a:pt x="4629912" y="374904"/>
                  </a:moveTo>
                  <a:lnTo>
                    <a:pt x="4575048" y="374904"/>
                  </a:lnTo>
                  <a:lnTo>
                    <a:pt x="4575048" y="361188"/>
                  </a:lnTo>
                  <a:lnTo>
                    <a:pt x="4629912" y="361188"/>
                  </a:lnTo>
                  <a:lnTo>
                    <a:pt x="4629912" y="374904"/>
                  </a:lnTo>
                  <a:close/>
                </a:path>
                <a:path w="6186170" h="375285">
                  <a:moveTo>
                    <a:pt x="4533900" y="374904"/>
                  </a:moveTo>
                  <a:lnTo>
                    <a:pt x="4479036" y="374904"/>
                  </a:lnTo>
                  <a:lnTo>
                    <a:pt x="4479036" y="361188"/>
                  </a:lnTo>
                  <a:lnTo>
                    <a:pt x="4533900" y="361188"/>
                  </a:lnTo>
                  <a:lnTo>
                    <a:pt x="4533900" y="374904"/>
                  </a:lnTo>
                  <a:close/>
                </a:path>
                <a:path w="6186170" h="375285">
                  <a:moveTo>
                    <a:pt x="4437888" y="374904"/>
                  </a:moveTo>
                  <a:lnTo>
                    <a:pt x="4383024" y="374904"/>
                  </a:lnTo>
                  <a:lnTo>
                    <a:pt x="4383024" y="361188"/>
                  </a:lnTo>
                  <a:lnTo>
                    <a:pt x="4437888" y="361188"/>
                  </a:lnTo>
                  <a:lnTo>
                    <a:pt x="4437888" y="374904"/>
                  </a:lnTo>
                  <a:close/>
                </a:path>
                <a:path w="6186170" h="375285">
                  <a:moveTo>
                    <a:pt x="4341876" y="374904"/>
                  </a:moveTo>
                  <a:lnTo>
                    <a:pt x="4287012" y="374904"/>
                  </a:lnTo>
                  <a:lnTo>
                    <a:pt x="4287012" y="361188"/>
                  </a:lnTo>
                  <a:lnTo>
                    <a:pt x="4341876" y="361188"/>
                  </a:lnTo>
                  <a:lnTo>
                    <a:pt x="4341876" y="374904"/>
                  </a:lnTo>
                  <a:close/>
                </a:path>
                <a:path w="6186170" h="375285">
                  <a:moveTo>
                    <a:pt x="4245864" y="374904"/>
                  </a:moveTo>
                  <a:lnTo>
                    <a:pt x="4191000" y="374904"/>
                  </a:lnTo>
                  <a:lnTo>
                    <a:pt x="4191000" y="361188"/>
                  </a:lnTo>
                  <a:lnTo>
                    <a:pt x="4245864" y="361188"/>
                  </a:lnTo>
                  <a:lnTo>
                    <a:pt x="4245864" y="374904"/>
                  </a:lnTo>
                  <a:close/>
                </a:path>
                <a:path w="6186170" h="375285">
                  <a:moveTo>
                    <a:pt x="4149852" y="374904"/>
                  </a:moveTo>
                  <a:lnTo>
                    <a:pt x="4094988" y="374904"/>
                  </a:lnTo>
                  <a:lnTo>
                    <a:pt x="4094988" y="361188"/>
                  </a:lnTo>
                  <a:lnTo>
                    <a:pt x="4149852" y="361188"/>
                  </a:lnTo>
                  <a:lnTo>
                    <a:pt x="4149852" y="374904"/>
                  </a:lnTo>
                  <a:close/>
                </a:path>
                <a:path w="6186170" h="375285">
                  <a:moveTo>
                    <a:pt x="4055364" y="374904"/>
                  </a:moveTo>
                  <a:lnTo>
                    <a:pt x="4000500" y="374904"/>
                  </a:lnTo>
                  <a:lnTo>
                    <a:pt x="4000500" y="361188"/>
                  </a:lnTo>
                  <a:lnTo>
                    <a:pt x="4055364" y="361188"/>
                  </a:lnTo>
                  <a:lnTo>
                    <a:pt x="4055364" y="374904"/>
                  </a:lnTo>
                  <a:close/>
                </a:path>
                <a:path w="6186170" h="375285">
                  <a:moveTo>
                    <a:pt x="3959352" y="374904"/>
                  </a:moveTo>
                  <a:lnTo>
                    <a:pt x="3904488" y="374904"/>
                  </a:lnTo>
                  <a:lnTo>
                    <a:pt x="3904488" y="361188"/>
                  </a:lnTo>
                  <a:lnTo>
                    <a:pt x="3959352" y="361188"/>
                  </a:lnTo>
                  <a:lnTo>
                    <a:pt x="3959352" y="374904"/>
                  </a:lnTo>
                  <a:close/>
                </a:path>
                <a:path w="6186170" h="375285">
                  <a:moveTo>
                    <a:pt x="3863340" y="374904"/>
                  </a:moveTo>
                  <a:lnTo>
                    <a:pt x="3808476" y="374904"/>
                  </a:lnTo>
                  <a:lnTo>
                    <a:pt x="3808476" y="361188"/>
                  </a:lnTo>
                  <a:lnTo>
                    <a:pt x="3863340" y="361188"/>
                  </a:lnTo>
                  <a:lnTo>
                    <a:pt x="3863340" y="374904"/>
                  </a:lnTo>
                  <a:close/>
                </a:path>
                <a:path w="6186170" h="375285">
                  <a:moveTo>
                    <a:pt x="3767328" y="374904"/>
                  </a:moveTo>
                  <a:lnTo>
                    <a:pt x="3712464" y="374904"/>
                  </a:lnTo>
                  <a:lnTo>
                    <a:pt x="3712464" y="361188"/>
                  </a:lnTo>
                  <a:lnTo>
                    <a:pt x="3767328" y="361188"/>
                  </a:lnTo>
                  <a:lnTo>
                    <a:pt x="3767328" y="374904"/>
                  </a:lnTo>
                  <a:close/>
                </a:path>
                <a:path w="6186170" h="375285">
                  <a:moveTo>
                    <a:pt x="3671316" y="374904"/>
                  </a:moveTo>
                  <a:lnTo>
                    <a:pt x="3616452" y="374904"/>
                  </a:lnTo>
                  <a:lnTo>
                    <a:pt x="3616452" y="361188"/>
                  </a:lnTo>
                  <a:lnTo>
                    <a:pt x="3671316" y="361188"/>
                  </a:lnTo>
                  <a:lnTo>
                    <a:pt x="3671316" y="374904"/>
                  </a:lnTo>
                  <a:close/>
                </a:path>
                <a:path w="6186170" h="375285">
                  <a:moveTo>
                    <a:pt x="3575304" y="374904"/>
                  </a:moveTo>
                  <a:lnTo>
                    <a:pt x="3520440" y="374904"/>
                  </a:lnTo>
                  <a:lnTo>
                    <a:pt x="3520440" y="361188"/>
                  </a:lnTo>
                  <a:lnTo>
                    <a:pt x="3575304" y="361188"/>
                  </a:lnTo>
                  <a:lnTo>
                    <a:pt x="3575304" y="374904"/>
                  </a:lnTo>
                  <a:close/>
                </a:path>
                <a:path w="6186170" h="375285">
                  <a:moveTo>
                    <a:pt x="3479292" y="374904"/>
                  </a:moveTo>
                  <a:lnTo>
                    <a:pt x="3424428" y="374904"/>
                  </a:lnTo>
                  <a:lnTo>
                    <a:pt x="3424428" y="361188"/>
                  </a:lnTo>
                  <a:lnTo>
                    <a:pt x="3479292" y="361188"/>
                  </a:lnTo>
                  <a:lnTo>
                    <a:pt x="3479292" y="374904"/>
                  </a:lnTo>
                  <a:close/>
                </a:path>
                <a:path w="6186170" h="375285">
                  <a:moveTo>
                    <a:pt x="3383280" y="374904"/>
                  </a:moveTo>
                  <a:lnTo>
                    <a:pt x="3328416" y="374904"/>
                  </a:lnTo>
                  <a:lnTo>
                    <a:pt x="3328416" y="361188"/>
                  </a:lnTo>
                  <a:lnTo>
                    <a:pt x="3383280" y="361188"/>
                  </a:lnTo>
                  <a:lnTo>
                    <a:pt x="3383280" y="374904"/>
                  </a:lnTo>
                  <a:close/>
                </a:path>
                <a:path w="6186170" h="375285">
                  <a:moveTo>
                    <a:pt x="3287268" y="374904"/>
                  </a:moveTo>
                  <a:lnTo>
                    <a:pt x="3232404" y="374904"/>
                  </a:lnTo>
                  <a:lnTo>
                    <a:pt x="3232404" y="361188"/>
                  </a:lnTo>
                  <a:lnTo>
                    <a:pt x="3287268" y="361188"/>
                  </a:lnTo>
                  <a:lnTo>
                    <a:pt x="3287268" y="374904"/>
                  </a:lnTo>
                  <a:close/>
                </a:path>
                <a:path w="6186170" h="375285">
                  <a:moveTo>
                    <a:pt x="3191256" y="374904"/>
                  </a:moveTo>
                  <a:lnTo>
                    <a:pt x="3136392" y="374904"/>
                  </a:lnTo>
                  <a:lnTo>
                    <a:pt x="3136392" y="361188"/>
                  </a:lnTo>
                  <a:lnTo>
                    <a:pt x="3191256" y="361188"/>
                  </a:lnTo>
                  <a:lnTo>
                    <a:pt x="3191256" y="374904"/>
                  </a:lnTo>
                  <a:close/>
                </a:path>
                <a:path w="6186170" h="375285">
                  <a:moveTo>
                    <a:pt x="3095244" y="374904"/>
                  </a:moveTo>
                  <a:lnTo>
                    <a:pt x="3040380" y="374904"/>
                  </a:lnTo>
                  <a:lnTo>
                    <a:pt x="3040380" y="361188"/>
                  </a:lnTo>
                  <a:lnTo>
                    <a:pt x="3095244" y="361188"/>
                  </a:lnTo>
                  <a:lnTo>
                    <a:pt x="3095244" y="374904"/>
                  </a:lnTo>
                  <a:close/>
                </a:path>
                <a:path w="6186170" h="375285">
                  <a:moveTo>
                    <a:pt x="2999232" y="374904"/>
                  </a:moveTo>
                  <a:lnTo>
                    <a:pt x="2944368" y="374904"/>
                  </a:lnTo>
                  <a:lnTo>
                    <a:pt x="2944368" y="361188"/>
                  </a:lnTo>
                  <a:lnTo>
                    <a:pt x="2999232" y="361188"/>
                  </a:lnTo>
                  <a:lnTo>
                    <a:pt x="2999232" y="374904"/>
                  </a:lnTo>
                  <a:close/>
                </a:path>
                <a:path w="6186170" h="375285">
                  <a:moveTo>
                    <a:pt x="2903220" y="374904"/>
                  </a:moveTo>
                  <a:lnTo>
                    <a:pt x="2848356" y="374904"/>
                  </a:lnTo>
                  <a:lnTo>
                    <a:pt x="2848356" y="361188"/>
                  </a:lnTo>
                  <a:lnTo>
                    <a:pt x="2903220" y="361188"/>
                  </a:lnTo>
                  <a:lnTo>
                    <a:pt x="2903220" y="374904"/>
                  </a:lnTo>
                  <a:close/>
                </a:path>
                <a:path w="6186170" h="375285">
                  <a:moveTo>
                    <a:pt x="2807208" y="374904"/>
                  </a:moveTo>
                  <a:lnTo>
                    <a:pt x="2752344" y="374904"/>
                  </a:lnTo>
                  <a:lnTo>
                    <a:pt x="2752344" y="361188"/>
                  </a:lnTo>
                  <a:lnTo>
                    <a:pt x="2807208" y="361188"/>
                  </a:lnTo>
                  <a:lnTo>
                    <a:pt x="2807208" y="374904"/>
                  </a:lnTo>
                  <a:close/>
                </a:path>
                <a:path w="6186170" h="375285">
                  <a:moveTo>
                    <a:pt x="2711196" y="374904"/>
                  </a:moveTo>
                  <a:lnTo>
                    <a:pt x="2656332" y="374904"/>
                  </a:lnTo>
                  <a:lnTo>
                    <a:pt x="2656332" y="361188"/>
                  </a:lnTo>
                  <a:lnTo>
                    <a:pt x="2711196" y="361188"/>
                  </a:lnTo>
                  <a:lnTo>
                    <a:pt x="2711196" y="374904"/>
                  </a:lnTo>
                  <a:close/>
                </a:path>
                <a:path w="6186170" h="375285">
                  <a:moveTo>
                    <a:pt x="2615184" y="374904"/>
                  </a:moveTo>
                  <a:lnTo>
                    <a:pt x="2560320" y="374904"/>
                  </a:lnTo>
                  <a:lnTo>
                    <a:pt x="2560320" y="361188"/>
                  </a:lnTo>
                  <a:lnTo>
                    <a:pt x="2615184" y="361188"/>
                  </a:lnTo>
                  <a:lnTo>
                    <a:pt x="2615184" y="374904"/>
                  </a:lnTo>
                  <a:close/>
                </a:path>
                <a:path w="6186170" h="375285">
                  <a:moveTo>
                    <a:pt x="2519172" y="374904"/>
                  </a:moveTo>
                  <a:lnTo>
                    <a:pt x="2464308" y="374904"/>
                  </a:lnTo>
                  <a:lnTo>
                    <a:pt x="2464308" y="361188"/>
                  </a:lnTo>
                  <a:lnTo>
                    <a:pt x="2519172" y="361188"/>
                  </a:lnTo>
                  <a:lnTo>
                    <a:pt x="2519172" y="374904"/>
                  </a:lnTo>
                  <a:close/>
                </a:path>
                <a:path w="6186170" h="375285">
                  <a:moveTo>
                    <a:pt x="2423160" y="374904"/>
                  </a:moveTo>
                  <a:lnTo>
                    <a:pt x="2368296" y="374904"/>
                  </a:lnTo>
                  <a:lnTo>
                    <a:pt x="2368296" y="361188"/>
                  </a:lnTo>
                  <a:lnTo>
                    <a:pt x="2423160" y="361188"/>
                  </a:lnTo>
                  <a:lnTo>
                    <a:pt x="2423160" y="374904"/>
                  </a:lnTo>
                  <a:close/>
                </a:path>
                <a:path w="6186170" h="375285">
                  <a:moveTo>
                    <a:pt x="2327148" y="374904"/>
                  </a:moveTo>
                  <a:lnTo>
                    <a:pt x="2272284" y="374904"/>
                  </a:lnTo>
                  <a:lnTo>
                    <a:pt x="2272284" y="361188"/>
                  </a:lnTo>
                  <a:lnTo>
                    <a:pt x="2327148" y="361188"/>
                  </a:lnTo>
                  <a:lnTo>
                    <a:pt x="2327148" y="374904"/>
                  </a:lnTo>
                  <a:close/>
                </a:path>
                <a:path w="6186170" h="375285">
                  <a:moveTo>
                    <a:pt x="2231136" y="374904"/>
                  </a:moveTo>
                  <a:lnTo>
                    <a:pt x="2176272" y="374904"/>
                  </a:lnTo>
                  <a:lnTo>
                    <a:pt x="2176272" y="361188"/>
                  </a:lnTo>
                  <a:lnTo>
                    <a:pt x="2231136" y="361188"/>
                  </a:lnTo>
                  <a:lnTo>
                    <a:pt x="2231136" y="374904"/>
                  </a:lnTo>
                  <a:close/>
                </a:path>
                <a:path w="6186170" h="375285">
                  <a:moveTo>
                    <a:pt x="2135124" y="374904"/>
                  </a:moveTo>
                  <a:lnTo>
                    <a:pt x="2080260" y="374904"/>
                  </a:lnTo>
                  <a:lnTo>
                    <a:pt x="2080260" y="361188"/>
                  </a:lnTo>
                  <a:lnTo>
                    <a:pt x="2135124" y="361188"/>
                  </a:lnTo>
                  <a:lnTo>
                    <a:pt x="2135124" y="374904"/>
                  </a:lnTo>
                  <a:close/>
                </a:path>
                <a:path w="6186170" h="375285">
                  <a:moveTo>
                    <a:pt x="2039112" y="374904"/>
                  </a:moveTo>
                  <a:lnTo>
                    <a:pt x="1984248" y="374904"/>
                  </a:lnTo>
                  <a:lnTo>
                    <a:pt x="1984248" y="361188"/>
                  </a:lnTo>
                  <a:lnTo>
                    <a:pt x="2039112" y="361188"/>
                  </a:lnTo>
                  <a:lnTo>
                    <a:pt x="2039112" y="374904"/>
                  </a:lnTo>
                  <a:close/>
                </a:path>
                <a:path w="6186170" h="375285">
                  <a:moveTo>
                    <a:pt x="1943100" y="374904"/>
                  </a:moveTo>
                  <a:lnTo>
                    <a:pt x="1888236" y="374904"/>
                  </a:lnTo>
                  <a:lnTo>
                    <a:pt x="1888236" y="361188"/>
                  </a:lnTo>
                  <a:lnTo>
                    <a:pt x="1943100" y="361188"/>
                  </a:lnTo>
                  <a:lnTo>
                    <a:pt x="1943100" y="374904"/>
                  </a:lnTo>
                  <a:close/>
                </a:path>
                <a:path w="6186170" h="375285">
                  <a:moveTo>
                    <a:pt x="1847088" y="374904"/>
                  </a:moveTo>
                  <a:lnTo>
                    <a:pt x="1792224" y="374904"/>
                  </a:lnTo>
                  <a:lnTo>
                    <a:pt x="1792224" y="361188"/>
                  </a:lnTo>
                  <a:lnTo>
                    <a:pt x="1847088" y="361188"/>
                  </a:lnTo>
                  <a:lnTo>
                    <a:pt x="1847088" y="374904"/>
                  </a:lnTo>
                  <a:close/>
                </a:path>
                <a:path w="6186170" h="375285">
                  <a:moveTo>
                    <a:pt x="1751076" y="374904"/>
                  </a:moveTo>
                  <a:lnTo>
                    <a:pt x="1696212" y="374904"/>
                  </a:lnTo>
                  <a:lnTo>
                    <a:pt x="1696212" y="361188"/>
                  </a:lnTo>
                  <a:lnTo>
                    <a:pt x="1751076" y="361188"/>
                  </a:lnTo>
                  <a:lnTo>
                    <a:pt x="1751076" y="374904"/>
                  </a:lnTo>
                  <a:close/>
                </a:path>
                <a:path w="6186170" h="375285">
                  <a:moveTo>
                    <a:pt x="1655064" y="374904"/>
                  </a:moveTo>
                  <a:lnTo>
                    <a:pt x="1601724" y="374904"/>
                  </a:lnTo>
                  <a:lnTo>
                    <a:pt x="1601724" y="361188"/>
                  </a:lnTo>
                  <a:lnTo>
                    <a:pt x="1655064" y="361188"/>
                  </a:lnTo>
                  <a:lnTo>
                    <a:pt x="1655064" y="374904"/>
                  </a:lnTo>
                  <a:close/>
                </a:path>
                <a:path w="6186170" h="375285">
                  <a:moveTo>
                    <a:pt x="1560576" y="374904"/>
                  </a:moveTo>
                  <a:lnTo>
                    <a:pt x="1505712" y="374904"/>
                  </a:lnTo>
                  <a:lnTo>
                    <a:pt x="1505712" y="361188"/>
                  </a:lnTo>
                  <a:lnTo>
                    <a:pt x="1560576" y="361188"/>
                  </a:lnTo>
                  <a:lnTo>
                    <a:pt x="1560576" y="374904"/>
                  </a:lnTo>
                  <a:close/>
                </a:path>
                <a:path w="6186170" h="375285">
                  <a:moveTo>
                    <a:pt x="1464564" y="374904"/>
                  </a:moveTo>
                  <a:lnTo>
                    <a:pt x="1409700" y="374904"/>
                  </a:lnTo>
                  <a:lnTo>
                    <a:pt x="1409700" y="361188"/>
                  </a:lnTo>
                  <a:lnTo>
                    <a:pt x="1464564" y="361188"/>
                  </a:lnTo>
                  <a:lnTo>
                    <a:pt x="1464564" y="374904"/>
                  </a:lnTo>
                  <a:close/>
                </a:path>
                <a:path w="6186170" h="375285">
                  <a:moveTo>
                    <a:pt x="1368552" y="374904"/>
                  </a:moveTo>
                  <a:lnTo>
                    <a:pt x="1313688" y="374904"/>
                  </a:lnTo>
                  <a:lnTo>
                    <a:pt x="1313688" y="361188"/>
                  </a:lnTo>
                  <a:lnTo>
                    <a:pt x="1368552" y="361188"/>
                  </a:lnTo>
                  <a:lnTo>
                    <a:pt x="1368552" y="374904"/>
                  </a:lnTo>
                  <a:close/>
                </a:path>
                <a:path w="6186170" h="375285">
                  <a:moveTo>
                    <a:pt x="1272540" y="374904"/>
                  </a:moveTo>
                  <a:lnTo>
                    <a:pt x="1217676" y="374904"/>
                  </a:lnTo>
                  <a:lnTo>
                    <a:pt x="1217676" y="361188"/>
                  </a:lnTo>
                  <a:lnTo>
                    <a:pt x="1272540" y="361188"/>
                  </a:lnTo>
                  <a:lnTo>
                    <a:pt x="1272540" y="374904"/>
                  </a:lnTo>
                  <a:close/>
                </a:path>
                <a:path w="6186170" h="375285">
                  <a:moveTo>
                    <a:pt x="1176528" y="374904"/>
                  </a:moveTo>
                  <a:lnTo>
                    <a:pt x="1121664" y="374904"/>
                  </a:lnTo>
                  <a:lnTo>
                    <a:pt x="1121664" y="361188"/>
                  </a:lnTo>
                  <a:lnTo>
                    <a:pt x="1176528" y="361188"/>
                  </a:lnTo>
                  <a:lnTo>
                    <a:pt x="1176528" y="374904"/>
                  </a:lnTo>
                  <a:close/>
                </a:path>
                <a:path w="6186170" h="375285">
                  <a:moveTo>
                    <a:pt x="1080516" y="374904"/>
                  </a:moveTo>
                  <a:lnTo>
                    <a:pt x="1025652" y="374904"/>
                  </a:lnTo>
                  <a:lnTo>
                    <a:pt x="1025652" y="361188"/>
                  </a:lnTo>
                  <a:lnTo>
                    <a:pt x="1080516" y="361188"/>
                  </a:lnTo>
                  <a:lnTo>
                    <a:pt x="1080516" y="374904"/>
                  </a:lnTo>
                  <a:close/>
                </a:path>
                <a:path w="6186170" h="375285">
                  <a:moveTo>
                    <a:pt x="984504" y="374904"/>
                  </a:moveTo>
                  <a:lnTo>
                    <a:pt x="929640" y="374904"/>
                  </a:lnTo>
                  <a:lnTo>
                    <a:pt x="929640" y="361188"/>
                  </a:lnTo>
                  <a:lnTo>
                    <a:pt x="984504" y="361188"/>
                  </a:lnTo>
                  <a:lnTo>
                    <a:pt x="984504" y="374904"/>
                  </a:lnTo>
                  <a:close/>
                </a:path>
                <a:path w="6186170" h="375285">
                  <a:moveTo>
                    <a:pt x="888492" y="374904"/>
                  </a:moveTo>
                  <a:lnTo>
                    <a:pt x="833628" y="374904"/>
                  </a:lnTo>
                  <a:lnTo>
                    <a:pt x="833628" y="361188"/>
                  </a:lnTo>
                  <a:lnTo>
                    <a:pt x="888492" y="361188"/>
                  </a:lnTo>
                  <a:lnTo>
                    <a:pt x="888492" y="374904"/>
                  </a:lnTo>
                  <a:close/>
                </a:path>
                <a:path w="6186170" h="375285">
                  <a:moveTo>
                    <a:pt x="792480" y="374904"/>
                  </a:moveTo>
                  <a:lnTo>
                    <a:pt x="737616" y="374904"/>
                  </a:lnTo>
                  <a:lnTo>
                    <a:pt x="737616" y="361188"/>
                  </a:lnTo>
                  <a:lnTo>
                    <a:pt x="792480" y="361188"/>
                  </a:lnTo>
                  <a:lnTo>
                    <a:pt x="792480" y="374904"/>
                  </a:lnTo>
                  <a:close/>
                </a:path>
                <a:path w="6186170" h="375285">
                  <a:moveTo>
                    <a:pt x="696468" y="374904"/>
                  </a:moveTo>
                  <a:lnTo>
                    <a:pt x="641604" y="374904"/>
                  </a:lnTo>
                  <a:lnTo>
                    <a:pt x="641604" y="361188"/>
                  </a:lnTo>
                  <a:lnTo>
                    <a:pt x="696468" y="361188"/>
                  </a:lnTo>
                  <a:lnTo>
                    <a:pt x="696468" y="374904"/>
                  </a:lnTo>
                  <a:close/>
                </a:path>
                <a:path w="6186170" h="375285">
                  <a:moveTo>
                    <a:pt x="600456" y="374904"/>
                  </a:moveTo>
                  <a:lnTo>
                    <a:pt x="545592" y="374904"/>
                  </a:lnTo>
                  <a:lnTo>
                    <a:pt x="545592" y="361188"/>
                  </a:lnTo>
                  <a:lnTo>
                    <a:pt x="600456" y="361188"/>
                  </a:lnTo>
                  <a:lnTo>
                    <a:pt x="600456" y="374904"/>
                  </a:lnTo>
                  <a:close/>
                </a:path>
                <a:path w="6186170" h="375285">
                  <a:moveTo>
                    <a:pt x="504444" y="374904"/>
                  </a:moveTo>
                  <a:lnTo>
                    <a:pt x="449580" y="374904"/>
                  </a:lnTo>
                  <a:lnTo>
                    <a:pt x="449580" y="361188"/>
                  </a:lnTo>
                  <a:lnTo>
                    <a:pt x="504444" y="361188"/>
                  </a:lnTo>
                  <a:lnTo>
                    <a:pt x="504444" y="374904"/>
                  </a:lnTo>
                  <a:close/>
                </a:path>
                <a:path w="6186170" h="375285">
                  <a:moveTo>
                    <a:pt x="408432" y="374904"/>
                  </a:moveTo>
                  <a:lnTo>
                    <a:pt x="353568" y="374904"/>
                  </a:lnTo>
                  <a:lnTo>
                    <a:pt x="353568" y="361188"/>
                  </a:lnTo>
                  <a:lnTo>
                    <a:pt x="408432" y="361188"/>
                  </a:lnTo>
                  <a:lnTo>
                    <a:pt x="408432" y="374904"/>
                  </a:lnTo>
                  <a:close/>
                </a:path>
                <a:path w="6186170" h="375285">
                  <a:moveTo>
                    <a:pt x="312420" y="374904"/>
                  </a:moveTo>
                  <a:lnTo>
                    <a:pt x="257556" y="374904"/>
                  </a:lnTo>
                  <a:lnTo>
                    <a:pt x="257556" y="361188"/>
                  </a:lnTo>
                  <a:lnTo>
                    <a:pt x="312420" y="361188"/>
                  </a:lnTo>
                  <a:lnTo>
                    <a:pt x="312420" y="374904"/>
                  </a:lnTo>
                  <a:close/>
                </a:path>
                <a:path w="6186170" h="375285">
                  <a:moveTo>
                    <a:pt x="216408" y="374904"/>
                  </a:moveTo>
                  <a:lnTo>
                    <a:pt x="161544" y="374904"/>
                  </a:lnTo>
                  <a:lnTo>
                    <a:pt x="161544" y="361188"/>
                  </a:lnTo>
                  <a:lnTo>
                    <a:pt x="216408" y="361188"/>
                  </a:lnTo>
                  <a:lnTo>
                    <a:pt x="216408" y="374904"/>
                  </a:lnTo>
                  <a:close/>
                </a:path>
                <a:path w="6186170" h="375285">
                  <a:moveTo>
                    <a:pt x="120396" y="374904"/>
                  </a:moveTo>
                  <a:lnTo>
                    <a:pt x="65532" y="374904"/>
                  </a:lnTo>
                  <a:lnTo>
                    <a:pt x="65532" y="361188"/>
                  </a:lnTo>
                  <a:lnTo>
                    <a:pt x="120396" y="361188"/>
                  </a:lnTo>
                  <a:lnTo>
                    <a:pt x="120396" y="374904"/>
                  </a:lnTo>
                  <a:close/>
                </a:path>
              </a:pathLst>
            </a:custGeom>
            <a:solidFill>
              <a:srgbClr val="A4A4A4"/>
            </a:solidFill>
          </p:spPr>
          <p:txBody>
            <a:bodyPr wrap="square" lIns="0" tIns="0" rIns="0" bIns="0" rtlCol="0"/>
            <a:lstStyle/>
            <a:p>
              <a:endParaRPr sz="1632"/>
            </a:p>
          </p:txBody>
        </p:sp>
      </p:grpSp>
      <p:sp>
        <p:nvSpPr>
          <p:cNvPr id="20" name="object 20"/>
          <p:cNvSpPr txBox="1"/>
          <p:nvPr/>
        </p:nvSpPr>
        <p:spPr>
          <a:xfrm>
            <a:off x="1293212" y="4158332"/>
            <a:ext cx="5595806" cy="262885"/>
          </a:xfrm>
          <a:prstGeom prst="rect">
            <a:avLst/>
          </a:prstGeom>
        </p:spPr>
        <p:txBody>
          <a:bodyPr vert="horz" wrap="square" lIns="0" tIns="66795" rIns="0" bIns="0" rtlCol="0">
            <a:spAutoFit/>
          </a:bodyPr>
          <a:lstStyle/>
          <a:p>
            <a:pPr marL="104799">
              <a:spcBef>
                <a:spcPts val="526"/>
              </a:spcBef>
            </a:pPr>
            <a:r>
              <a:rPr sz="1270" b="1" spc="172" dirty="0">
                <a:solidFill>
                  <a:srgbClr val="3A3838"/>
                </a:solidFill>
                <a:latin typeface="Meiryo UI"/>
                <a:cs typeface="Meiryo UI"/>
              </a:rPr>
              <a:t>(２) 総合評価 : </a:t>
            </a:r>
            <a:r>
              <a:rPr sz="1270" spc="-18" dirty="0">
                <a:solidFill>
                  <a:srgbClr val="3A3838"/>
                </a:solidFill>
                <a:latin typeface="Meiryo UI"/>
                <a:cs typeface="Meiryo UI"/>
              </a:rPr>
              <a:t>(１)の評価結果から、当該提案の内容を総合的に評価する。</a:t>
            </a:r>
            <a:endParaRPr sz="1270">
              <a:latin typeface="Meiryo UI"/>
              <a:cs typeface="Meiryo UI"/>
            </a:endParaRPr>
          </a:p>
        </p:txBody>
      </p:sp>
      <p:grpSp>
        <p:nvGrpSpPr>
          <p:cNvPr id="21" name="object 21"/>
          <p:cNvGrpSpPr/>
          <p:nvPr/>
        </p:nvGrpSpPr>
        <p:grpSpPr>
          <a:xfrm>
            <a:off x="1474883" y="4603900"/>
            <a:ext cx="5439759" cy="735896"/>
            <a:chOff x="250634" y="5077078"/>
            <a:chExt cx="5998845" cy="811530"/>
          </a:xfrm>
        </p:grpSpPr>
        <p:pic>
          <p:nvPicPr>
            <p:cNvPr id="22" name="object 22"/>
            <p:cNvPicPr/>
            <p:nvPr/>
          </p:nvPicPr>
          <p:blipFill>
            <a:blip r:embed="rId4" cstate="print"/>
            <a:stretch>
              <a:fillRect/>
            </a:stretch>
          </p:blipFill>
          <p:spPr>
            <a:xfrm>
              <a:off x="278892" y="5090159"/>
              <a:ext cx="5942076" cy="784860"/>
            </a:xfrm>
            <a:prstGeom prst="rect">
              <a:avLst/>
            </a:prstGeom>
          </p:spPr>
        </p:pic>
        <p:sp>
          <p:nvSpPr>
            <p:cNvPr id="23" name="object 23"/>
            <p:cNvSpPr/>
            <p:nvPr/>
          </p:nvSpPr>
          <p:spPr>
            <a:xfrm>
              <a:off x="3250692" y="5084063"/>
              <a:ext cx="0" cy="797560"/>
            </a:xfrm>
            <a:custGeom>
              <a:avLst/>
              <a:gdLst/>
              <a:ahLst/>
              <a:cxnLst/>
              <a:rect l="l" t="t" r="r" b="b"/>
              <a:pathLst>
                <a:path h="797560">
                  <a:moveTo>
                    <a:pt x="0" y="0"/>
                  </a:moveTo>
                  <a:lnTo>
                    <a:pt x="0" y="797052"/>
                  </a:lnTo>
                </a:path>
              </a:pathLst>
            </a:custGeom>
            <a:ln w="13716">
              <a:solidFill>
                <a:srgbClr val="FFFFFF"/>
              </a:solidFill>
            </a:ln>
          </p:spPr>
          <p:txBody>
            <a:bodyPr wrap="square" lIns="0" tIns="0" rIns="0" bIns="0" rtlCol="0"/>
            <a:lstStyle/>
            <a:p>
              <a:endParaRPr sz="1632"/>
            </a:p>
          </p:txBody>
        </p:sp>
        <p:sp>
          <p:nvSpPr>
            <p:cNvPr id="24" name="object 24"/>
            <p:cNvSpPr/>
            <p:nvPr/>
          </p:nvSpPr>
          <p:spPr>
            <a:xfrm>
              <a:off x="271272" y="5419343"/>
              <a:ext cx="5957570" cy="0"/>
            </a:xfrm>
            <a:custGeom>
              <a:avLst/>
              <a:gdLst/>
              <a:ahLst/>
              <a:cxnLst/>
              <a:rect l="l" t="t" r="r" b="b"/>
              <a:pathLst>
                <a:path w="5957570">
                  <a:moveTo>
                    <a:pt x="0" y="0"/>
                  </a:moveTo>
                  <a:lnTo>
                    <a:pt x="5957316" y="0"/>
                  </a:lnTo>
                </a:path>
              </a:pathLst>
            </a:custGeom>
            <a:ln w="41148">
              <a:solidFill>
                <a:srgbClr val="FFFFFF"/>
              </a:solidFill>
            </a:ln>
          </p:spPr>
          <p:txBody>
            <a:bodyPr wrap="square" lIns="0" tIns="0" rIns="0" bIns="0" rtlCol="0"/>
            <a:lstStyle/>
            <a:p>
              <a:endParaRPr sz="1632"/>
            </a:p>
          </p:txBody>
        </p:sp>
        <p:sp>
          <p:nvSpPr>
            <p:cNvPr id="25" name="object 25"/>
            <p:cNvSpPr/>
            <p:nvPr/>
          </p:nvSpPr>
          <p:spPr>
            <a:xfrm>
              <a:off x="278892" y="5084063"/>
              <a:ext cx="0" cy="797560"/>
            </a:xfrm>
            <a:custGeom>
              <a:avLst/>
              <a:gdLst/>
              <a:ahLst/>
              <a:cxnLst/>
              <a:rect l="l" t="t" r="r" b="b"/>
              <a:pathLst>
                <a:path h="797560">
                  <a:moveTo>
                    <a:pt x="0" y="0"/>
                  </a:moveTo>
                  <a:lnTo>
                    <a:pt x="0" y="797052"/>
                  </a:lnTo>
                </a:path>
              </a:pathLst>
            </a:custGeom>
            <a:ln w="13716">
              <a:solidFill>
                <a:srgbClr val="FFFFFF"/>
              </a:solidFill>
            </a:ln>
          </p:spPr>
          <p:txBody>
            <a:bodyPr wrap="square" lIns="0" tIns="0" rIns="0" bIns="0" rtlCol="0"/>
            <a:lstStyle/>
            <a:p>
              <a:endParaRPr sz="1632"/>
            </a:p>
          </p:txBody>
        </p:sp>
        <p:sp>
          <p:nvSpPr>
            <p:cNvPr id="26" name="object 26"/>
            <p:cNvSpPr/>
            <p:nvPr/>
          </p:nvSpPr>
          <p:spPr>
            <a:xfrm>
              <a:off x="6220968" y="5084063"/>
              <a:ext cx="0" cy="797560"/>
            </a:xfrm>
            <a:custGeom>
              <a:avLst/>
              <a:gdLst/>
              <a:ahLst/>
              <a:cxnLst/>
              <a:rect l="l" t="t" r="r" b="b"/>
              <a:pathLst>
                <a:path h="797560">
                  <a:moveTo>
                    <a:pt x="0" y="0"/>
                  </a:moveTo>
                  <a:lnTo>
                    <a:pt x="0" y="797052"/>
                  </a:lnTo>
                </a:path>
              </a:pathLst>
            </a:custGeom>
            <a:ln w="13716">
              <a:solidFill>
                <a:srgbClr val="FFFFFF"/>
              </a:solidFill>
            </a:ln>
          </p:spPr>
          <p:txBody>
            <a:bodyPr wrap="square" lIns="0" tIns="0" rIns="0" bIns="0" rtlCol="0"/>
            <a:lstStyle/>
            <a:p>
              <a:endParaRPr sz="1632"/>
            </a:p>
          </p:txBody>
        </p:sp>
        <p:sp>
          <p:nvSpPr>
            <p:cNvPr id="27" name="object 27"/>
            <p:cNvSpPr/>
            <p:nvPr/>
          </p:nvSpPr>
          <p:spPr>
            <a:xfrm>
              <a:off x="271272" y="5090159"/>
              <a:ext cx="5957570" cy="0"/>
            </a:xfrm>
            <a:custGeom>
              <a:avLst/>
              <a:gdLst/>
              <a:ahLst/>
              <a:cxnLst/>
              <a:rect l="l" t="t" r="r" b="b"/>
              <a:pathLst>
                <a:path w="5957570">
                  <a:moveTo>
                    <a:pt x="0" y="0"/>
                  </a:moveTo>
                  <a:lnTo>
                    <a:pt x="5957316" y="0"/>
                  </a:lnTo>
                </a:path>
              </a:pathLst>
            </a:custGeom>
            <a:ln w="13716">
              <a:solidFill>
                <a:srgbClr val="FFFFFF"/>
              </a:solidFill>
            </a:ln>
          </p:spPr>
          <p:txBody>
            <a:bodyPr wrap="square" lIns="0" tIns="0" rIns="0" bIns="0" rtlCol="0"/>
            <a:lstStyle/>
            <a:p>
              <a:endParaRPr sz="1632"/>
            </a:p>
          </p:txBody>
        </p:sp>
        <p:sp>
          <p:nvSpPr>
            <p:cNvPr id="28" name="object 28"/>
            <p:cNvSpPr/>
            <p:nvPr/>
          </p:nvSpPr>
          <p:spPr>
            <a:xfrm>
              <a:off x="271272" y="5875019"/>
              <a:ext cx="5957570" cy="0"/>
            </a:xfrm>
            <a:custGeom>
              <a:avLst/>
              <a:gdLst/>
              <a:ahLst/>
              <a:cxnLst/>
              <a:rect l="l" t="t" r="r" b="b"/>
              <a:pathLst>
                <a:path w="5957570">
                  <a:moveTo>
                    <a:pt x="0" y="0"/>
                  </a:moveTo>
                  <a:lnTo>
                    <a:pt x="5957316" y="0"/>
                  </a:lnTo>
                </a:path>
              </a:pathLst>
            </a:custGeom>
            <a:ln w="13716">
              <a:solidFill>
                <a:srgbClr val="FFFFFF"/>
              </a:solidFill>
            </a:ln>
          </p:spPr>
          <p:txBody>
            <a:bodyPr wrap="square" lIns="0" tIns="0" rIns="0" bIns="0" rtlCol="0"/>
            <a:lstStyle/>
            <a:p>
              <a:endParaRPr sz="1632"/>
            </a:p>
          </p:txBody>
        </p:sp>
      </p:grpSp>
      <p:sp>
        <p:nvSpPr>
          <p:cNvPr id="29" name="object 29"/>
          <p:cNvSpPr txBox="1"/>
          <p:nvPr/>
        </p:nvSpPr>
        <p:spPr>
          <a:xfrm>
            <a:off x="2057015" y="4585993"/>
            <a:ext cx="1581198" cy="708068"/>
          </a:xfrm>
          <a:prstGeom prst="rect">
            <a:avLst/>
          </a:prstGeom>
        </p:spPr>
        <p:txBody>
          <a:bodyPr vert="horz" wrap="square" lIns="0" tIns="74856" rIns="0" bIns="0" rtlCol="0">
            <a:spAutoFit/>
          </a:bodyPr>
          <a:lstStyle/>
          <a:p>
            <a:pPr marL="8637" algn="ctr">
              <a:spcBef>
                <a:spcPts val="589"/>
              </a:spcBef>
            </a:pPr>
            <a:r>
              <a:rPr sz="1360" b="1" spc="9" dirty="0">
                <a:solidFill>
                  <a:srgbClr val="FFFFFF"/>
                </a:solidFill>
                <a:latin typeface="Meiryo UI"/>
                <a:cs typeface="Meiryo UI"/>
              </a:rPr>
              <a:t>〇</a:t>
            </a:r>
            <a:endParaRPr sz="1360">
              <a:latin typeface="Meiryo UI"/>
              <a:cs typeface="Meiryo UI"/>
            </a:endParaRPr>
          </a:p>
          <a:p>
            <a:pPr marL="11516" marR="4607" algn="ctr">
              <a:lnSpc>
                <a:spcPts val="1270"/>
              </a:lnSpc>
              <a:spcBef>
                <a:spcPts val="716"/>
              </a:spcBef>
            </a:pPr>
            <a:r>
              <a:rPr sz="1270" spc="-14" dirty="0">
                <a:solidFill>
                  <a:srgbClr val="3A3838"/>
                </a:solidFill>
                <a:latin typeface="Meiryo UI"/>
                <a:cs typeface="Meiryo UI"/>
              </a:rPr>
              <a:t>効果等が認められる等、評価できる提案である</a:t>
            </a:r>
            <a:endParaRPr sz="1270">
              <a:latin typeface="Meiryo UI"/>
              <a:cs typeface="Meiryo UI"/>
            </a:endParaRPr>
          </a:p>
        </p:txBody>
      </p:sp>
      <p:sp>
        <p:nvSpPr>
          <p:cNvPr id="30" name="object 30"/>
          <p:cNvSpPr txBox="1"/>
          <p:nvPr/>
        </p:nvSpPr>
        <p:spPr>
          <a:xfrm>
            <a:off x="4452040" y="4585993"/>
            <a:ext cx="2171988" cy="708068"/>
          </a:xfrm>
          <a:prstGeom prst="rect">
            <a:avLst/>
          </a:prstGeom>
        </p:spPr>
        <p:txBody>
          <a:bodyPr vert="horz" wrap="square" lIns="0" tIns="74856" rIns="0" bIns="0" rtlCol="0">
            <a:spAutoFit/>
          </a:bodyPr>
          <a:lstStyle/>
          <a:p>
            <a:pPr marL="9213" algn="ctr">
              <a:spcBef>
                <a:spcPts val="589"/>
              </a:spcBef>
            </a:pPr>
            <a:r>
              <a:rPr sz="1360" b="1" spc="5" dirty="0">
                <a:solidFill>
                  <a:srgbClr val="FFFFFF"/>
                </a:solidFill>
                <a:latin typeface="Meiryo UI"/>
                <a:cs typeface="Meiryo UI"/>
              </a:rPr>
              <a:t>×</a:t>
            </a:r>
            <a:endParaRPr sz="1360">
              <a:latin typeface="Meiryo UI"/>
              <a:cs typeface="Meiryo UI"/>
            </a:endParaRPr>
          </a:p>
          <a:p>
            <a:pPr algn="ctr">
              <a:lnSpc>
                <a:spcPts val="1396"/>
              </a:lnSpc>
              <a:spcBef>
                <a:spcPts val="462"/>
              </a:spcBef>
            </a:pPr>
            <a:r>
              <a:rPr sz="1270" spc="-9" dirty="0">
                <a:solidFill>
                  <a:srgbClr val="3A3838"/>
                </a:solidFill>
                <a:latin typeface="Meiryo UI"/>
                <a:cs typeface="Meiryo UI"/>
              </a:rPr>
              <a:t>効果等が認められない提案である</a:t>
            </a:r>
            <a:endParaRPr sz="1270">
              <a:latin typeface="Meiryo UI"/>
              <a:cs typeface="Meiryo UI"/>
            </a:endParaRPr>
          </a:p>
          <a:p>
            <a:pPr algn="ctr">
              <a:lnSpc>
                <a:spcPts val="1396"/>
              </a:lnSpc>
            </a:pPr>
            <a:r>
              <a:rPr sz="1270" spc="-14" dirty="0">
                <a:solidFill>
                  <a:srgbClr val="3A3838"/>
                </a:solidFill>
                <a:latin typeface="Meiryo UI"/>
                <a:cs typeface="Meiryo UI"/>
              </a:rPr>
              <a:t>/市として許容できない提案である</a:t>
            </a:r>
            <a:endParaRPr sz="1270">
              <a:latin typeface="Meiryo UI"/>
              <a:cs typeface="Meiryo UI"/>
            </a:endParaRPr>
          </a:p>
        </p:txBody>
      </p:sp>
      <p:grpSp>
        <p:nvGrpSpPr>
          <p:cNvPr id="31" name="object 31"/>
          <p:cNvGrpSpPr/>
          <p:nvPr/>
        </p:nvGrpSpPr>
        <p:grpSpPr>
          <a:xfrm>
            <a:off x="1286301" y="5620451"/>
            <a:ext cx="5609625" cy="282151"/>
            <a:chOff x="42671" y="6198108"/>
            <a:chExt cx="6186170" cy="311150"/>
          </a:xfrm>
        </p:grpSpPr>
        <p:sp>
          <p:nvSpPr>
            <p:cNvPr id="32" name="object 32"/>
            <p:cNvSpPr/>
            <p:nvPr/>
          </p:nvSpPr>
          <p:spPr>
            <a:xfrm>
              <a:off x="50291" y="6204204"/>
              <a:ext cx="6170930" cy="297180"/>
            </a:xfrm>
            <a:custGeom>
              <a:avLst/>
              <a:gdLst/>
              <a:ahLst/>
              <a:cxnLst/>
              <a:rect l="l" t="t" r="r" b="b"/>
              <a:pathLst>
                <a:path w="6170930" h="297179">
                  <a:moveTo>
                    <a:pt x="6170676" y="297180"/>
                  </a:moveTo>
                  <a:lnTo>
                    <a:pt x="0" y="297180"/>
                  </a:lnTo>
                  <a:lnTo>
                    <a:pt x="0" y="0"/>
                  </a:lnTo>
                  <a:lnTo>
                    <a:pt x="6170676" y="0"/>
                  </a:lnTo>
                  <a:lnTo>
                    <a:pt x="6170676" y="297180"/>
                  </a:lnTo>
                  <a:close/>
                </a:path>
              </a:pathLst>
            </a:custGeom>
            <a:solidFill>
              <a:srgbClr val="FFFFCC"/>
            </a:solidFill>
          </p:spPr>
          <p:txBody>
            <a:bodyPr wrap="square" lIns="0" tIns="0" rIns="0" bIns="0" rtlCol="0"/>
            <a:lstStyle/>
            <a:p>
              <a:endParaRPr sz="1632"/>
            </a:p>
          </p:txBody>
        </p:sp>
        <p:sp>
          <p:nvSpPr>
            <p:cNvPr id="33" name="object 33"/>
            <p:cNvSpPr/>
            <p:nvPr/>
          </p:nvSpPr>
          <p:spPr>
            <a:xfrm>
              <a:off x="42671" y="6198108"/>
              <a:ext cx="6186170" cy="311150"/>
            </a:xfrm>
            <a:custGeom>
              <a:avLst/>
              <a:gdLst/>
              <a:ahLst/>
              <a:cxnLst/>
              <a:rect l="l" t="t" r="r" b="b"/>
              <a:pathLst>
                <a:path w="6186170" h="311150">
                  <a:moveTo>
                    <a:pt x="13716" y="303276"/>
                  </a:moveTo>
                  <a:lnTo>
                    <a:pt x="0" y="303276"/>
                  </a:lnTo>
                  <a:lnTo>
                    <a:pt x="0" y="248412"/>
                  </a:lnTo>
                  <a:lnTo>
                    <a:pt x="13716" y="248412"/>
                  </a:lnTo>
                  <a:lnTo>
                    <a:pt x="13716" y="303276"/>
                  </a:lnTo>
                  <a:close/>
                </a:path>
                <a:path w="6186170" h="311150">
                  <a:moveTo>
                    <a:pt x="13716" y="207264"/>
                  </a:moveTo>
                  <a:lnTo>
                    <a:pt x="0" y="207264"/>
                  </a:lnTo>
                  <a:lnTo>
                    <a:pt x="0" y="152400"/>
                  </a:lnTo>
                  <a:lnTo>
                    <a:pt x="13716" y="152400"/>
                  </a:lnTo>
                  <a:lnTo>
                    <a:pt x="13716" y="207264"/>
                  </a:lnTo>
                  <a:close/>
                </a:path>
                <a:path w="6186170" h="311150">
                  <a:moveTo>
                    <a:pt x="13716" y="112776"/>
                  </a:moveTo>
                  <a:lnTo>
                    <a:pt x="0" y="112776"/>
                  </a:lnTo>
                  <a:lnTo>
                    <a:pt x="0" y="57912"/>
                  </a:lnTo>
                  <a:lnTo>
                    <a:pt x="13716" y="57912"/>
                  </a:lnTo>
                  <a:lnTo>
                    <a:pt x="13716" y="112776"/>
                  </a:lnTo>
                  <a:close/>
                </a:path>
                <a:path w="6186170" h="311150">
                  <a:moveTo>
                    <a:pt x="13716" y="16764"/>
                  </a:moveTo>
                  <a:lnTo>
                    <a:pt x="0" y="16764"/>
                  </a:lnTo>
                  <a:lnTo>
                    <a:pt x="0" y="0"/>
                  </a:lnTo>
                  <a:lnTo>
                    <a:pt x="51816" y="0"/>
                  </a:lnTo>
                  <a:lnTo>
                    <a:pt x="51816" y="6096"/>
                  </a:lnTo>
                  <a:lnTo>
                    <a:pt x="13716" y="6096"/>
                  </a:lnTo>
                  <a:lnTo>
                    <a:pt x="7620" y="13716"/>
                  </a:lnTo>
                  <a:lnTo>
                    <a:pt x="13716" y="13716"/>
                  </a:lnTo>
                  <a:lnTo>
                    <a:pt x="13716" y="16764"/>
                  </a:lnTo>
                  <a:close/>
                </a:path>
                <a:path w="6186170" h="311150">
                  <a:moveTo>
                    <a:pt x="13716" y="13716"/>
                  </a:moveTo>
                  <a:lnTo>
                    <a:pt x="7620" y="13716"/>
                  </a:lnTo>
                  <a:lnTo>
                    <a:pt x="13716" y="6096"/>
                  </a:lnTo>
                  <a:lnTo>
                    <a:pt x="13716" y="13716"/>
                  </a:lnTo>
                  <a:close/>
                </a:path>
                <a:path w="6186170" h="311150">
                  <a:moveTo>
                    <a:pt x="51816" y="13716"/>
                  </a:moveTo>
                  <a:lnTo>
                    <a:pt x="13716" y="13716"/>
                  </a:lnTo>
                  <a:lnTo>
                    <a:pt x="13716" y="6096"/>
                  </a:lnTo>
                  <a:lnTo>
                    <a:pt x="51816" y="6096"/>
                  </a:lnTo>
                  <a:lnTo>
                    <a:pt x="51816" y="13716"/>
                  </a:lnTo>
                  <a:close/>
                </a:path>
                <a:path w="6186170" h="311150">
                  <a:moveTo>
                    <a:pt x="147828" y="13716"/>
                  </a:moveTo>
                  <a:lnTo>
                    <a:pt x="92964" y="13716"/>
                  </a:lnTo>
                  <a:lnTo>
                    <a:pt x="92964" y="0"/>
                  </a:lnTo>
                  <a:lnTo>
                    <a:pt x="147828" y="0"/>
                  </a:lnTo>
                  <a:lnTo>
                    <a:pt x="147828" y="13716"/>
                  </a:lnTo>
                  <a:close/>
                </a:path>
                <a:path w="6186170" h="311150">
                  <a:moveTo>
                    <a:pt x="243840" y="13716"/>
                  </a:moveTo>
                  <a:lnTo>
                    <a:pt x="188976" y="13716"/>
                  </a:lnTo>
                  <a:lnTo>
                    <a:pt x="188976" y="0"/>
                  </a:lnTo>
                  <a:lnTo>
                    <a:pt x="243840" y="0"/>
                  </a:lnTo>
                  <a:lnTo>
                    <a:pt x="243840" y="13716"/>
                  </a:lnTo>
                  <a:close/>
                </a:path>
                <a:path w="6186170" h="311150">
                  <a:moveTo>
                    <a:pt x="339852" y="13716"/>
                  </a:moveTo>
                  <a:lnTo>
                    <a:pt x="284988" y="13716"/>
                  </a:lnTo>
                  <a:lnTo>
                    <a:pt x="284988" y="0"/>
                  </a:lnTo>
                  <a:lnTo>
                    <a:pt x="339852" y="0"/>
                  </a:lnTo>
                  <a:lnTo>
                    <a:pt x="339852" y="13716"/>
                  </a:lnTo>
                  <a:close/>
                </a:path>
                <a:path w="6186170" h="311150">
                  <a:moveTo>
                    <a:pt x="435864" y="13716"/>
                  </a:moveTo>
                  <a:lnTo>
                    <a:pt x="381000" y="13716"/>
                  </a:lnTo>
                  <a:lnTo>
                    <a:pt x="381000" y="0"/>
                  </a:lnTo>
                  <a:lnTo>
                    <a:pt x="435864" y="0"/>
                  </a:lnTo>
                  <a:lnTo>
                    <a:pt x="435864" y="13716"/>
                  </a:lnTo>
                  <a:close/>
                </a:path>
                <a:path w="6186170" h="311150">
                  <a:moveTo>
                    <a:pt x="531876" y="13716"/>
                  </a:moveTo>
                  <a:lnTo>
                    <a:pt x="477012" y="13716"/>
                  </a:lnTo>
                  <a:lnTo>
                    <a:pt x="477012" y="0"/>
                  </a:lnTo>
                  <a:lnTo>
                    <a:pt x="531876" y="0"/>
                  </a:lnTo>
                  <a:lnTo>
                    <a:pt x="531876" y="13716"/>
                  </a:lnTo>
                  <a:close/>
                </a:path>
                <a:path w="6186170" h="311150">
                  <a:moveTo>
                    <a:pt x="627888" y="13716"/>
                  </a:moveTo>
                  <a:lnTo>
                    <a:pt x="573024" y="13716"/>
                  </a:lnTo>
                  <a:lnTo>
                    <a:pt x="573024" y="0"/>
                  </a:lnTo>
                  <a:lnTo>
                    <a:pt x="627888" y="0"/>
                  </a:lnTo>
                  <a:lnTo>
                    <a:pt x="627888" y="13716"/>
                  </a:lnTo>
                  <a:close/>
                </a:path>
                <a:path w="6186170" h="311150">
                  <a:moveTo>
                    <a:pt x="723900" y="13716"/>
                  </a:moveTo>
                  <a:lnTo>
                    <a:pt x="669036" y="13716"/>
                  </a:lnTo>
                  <a:lnTo>
                    <a:pt x="669036" y="0"/>
                  </a:lnTo>
                  <a:lnTo>
                    <a:pt x="723900" y="0"/>
                  </a:lnTo>
                  <a:lnTo>
                    <a:pt x="723900" y="13716"/>
                  </a:lnTo>
                  <a:close/>
                </a:path>
                <a:path w="6186170" h="311150">
                  <a:moveTo>
                    <a:pt x="819912" y="13716"/>
                  </a:moveTo>
                  <a:lnTo>
                    <a:pt x="765048" y="13716"/>
                  </a:lnTo>
                  <a:lnTo>
                    <a:pt x="765048" y="0"/>
                  </a:lnTo>
                  <a:lnTo>
                    <a:pt x="819912" y="0"/>
                  </a:lnTo>
                  <a:lnTo>
                    <a:pt x="819912" y="13716"/>
                  </a:lnTo>
                  <a:close/>
                </a:path>
                <a:path w="6186170" h="311150">
                  <a:moveTo>
                    <a:pt x="915924" y="13716"/>
                  </a:moveTo>
                  <a:lnTo>
                    <a:pt x="861060" y="13716"/>
                  </a:lnTo>
                  <a:lnTo>
                    <a:pt x="861060" y="0"/>
                  </a:lnTo>
                  <a:lnTo>
                    <a:pt x="915924" y="0"/>
                  </a:lnTo>
                  <a:lnTo>
                    <a:pt x="915924" y="13716"/>
                  </a:lnTo>
                  <a:close/>
                </a:path>
                <a:path w="6186170" h="311150">
                  <a:moveTo>
                    <a:pt x="1011936" y="13716"/>
                  </a:moveTo>
                  <a:lnTo>
                    <a:pt x="957072" y="13716"/>
                  </a:lnTo>
                  <a:lnTo>
                    <a:pt x="957072" y="0"/>
                  </a:lnTo>
                  <a:lnTo>
                    <a:pt x="1011936" y="0"/>
                  </a:lnTo>
                  <a:lnTo>
                    <a:pt x="1011936" y="13716"/>
                  </a:lnTo>
                  <a:close/>
                </a:path>
                <a:path w="6186170" h="311150">
                  <a:moveTo>
                    <a:pt x="1107948" y="13716"/>
                  </a:moveTo>
                  <a:lnTo>
                    <a:pt x="1053084" y="13716"/>
                  </a:lnTo>
                  <a:lnTo>
                    <a:pt x="1053084" y="0"/>
                  </a:lnTo>
                  <a:lnTo>
                    <a:pt x="1107948" y="0"/>
                  </a:lnTo>
                  <a:lnTo>
                    <a:pt x="1107948" y="13716"/>
                  </a:lnTo>
                  <a:close/>
                </a:path>
                <a:path w="6186170" h="311150">
                  <a:moveTo>
                    <a:pt x="1203960" y="13716"/>
                  </a:moveTo>
                  <a:lnTo>
                    <a:pt x="1149096" y="13716"/>
                  </a:lnTo>
                  <a:lnTo>
                    <a:pt x="1149096" y="0"/>
                  </a:lnTo>
                  <a:lnTo>
                    <a:pt x="1203960" y="0"/>
                  </a:lnTo>
                  <a:lnTo>
                    <a:pt x="1203960" y="13716"/>
                  </a:lnTo>
                  <a:close/>
                </a:path>
                <a:path w="6186170" h="311150">
                  <a:moveTo>
                    <a:pt x="1299972" y="13716"/>
                  </a:moveTo>
                  <a:lnTo>
                    <a:pt x="1245108" y="13716"/>
                  </a:lnTo>
                  <a:lnTo>
                    <a:pt x="1245108" y="0"/>
                  </a:lnTo>
                  <a:lnTo>
                    <a:pt x="1299972" y="0"/>
                  </a:lnTo>
                  <a:lnTo>
                    <a:pt x="1299972" y="13716"/>
                  </a:lnTo>
                  <a:close/>
                </a:path>
                <a:path w="6186170" h="311150">
                  <a:moveTo>
                    <a:pt x="1395984" y="13716"/>
                  </a:moveTo>
                  <a:lnTo>
                    <a:pt x="1341120" y="13716"/>
                  </a:lnTo>
                  <a:lnTo>
                    <a:pt x="1341120" y="0"/>
                  </a:lnTo>
                  <a:lnTo>
                    <a:pt x="1395984" y="0"/>
                  </a:lnTo>
                  <a:lnTo>
                    <a:pt x="1395984" y="13716"/>
                  </a:lnTo>
                  <a:close/>
                </a:path>
                <a:path w="6186170" h="311150">
                  <a:moveTo>
                    <a:pt x="1491996" y="13716"/>
                  </a:moveTo>
                  <a:lnTo>
                    <a:pt x="1437132" y="13716"/>
                  </a:lnTo>
                  <a:lnTo>
                    <a:pt x="1437132" y="0"/>
                  </a:lnTo>
                  <a:lnTo>
                    <a:pt x="1491996" y="0"/>
                  </a:lnTo>
                  <a:lnTo>
                    <a:pt x="1491996" y="13716"/>
                  </a:lnTo>
                  <a:close/>
                </a:path>
                <a:path w="6186170" h="311150">
                  <a:moveTo>
                    <a:pt x="1588008" y="13716"/>
                  </a:moveTo>
                  <a:lnTo>
                    <a:pt x="1533144" y="13716"/>
                  </a:lnTo>
                  <a:lnTo>
                    <a:pt x="1533144" y="0"/>
                  </a:lnTo>
                  <a:lnTo>
                    <a:pt x="1588008" y="0"/>
                  </a:lnTo>
                  <a:lnTo>
                    <a:pt x="1588008" y="13716"/>
                  </a:lnTo>
                  <a:close/>
                </a:path>
                <a:path w="6186170" h="311150">
                  <a:moveTo>
                    <a:pt x="1684020" y="13716"/>
                  </a:moveTo>
                  <a:lnTo>
                    <a:pt x="1629156" y="13716"/>
                  </a:lnTo>
                  <a:lnTo>
                    <a:pt x="1629156" y="0"/>
                  </a:lnTo>
                  <a:lnTo>
                    <a:pt x="1684020" y="0"/>
                  </a:lnTo>
                  <a:lnTo>
                    <a:pt x="1684020" y="13716"/>
                  </a:lnTo>
                  <a:close/>
                </a:path>
                <a:path w="6186170" h="311150">
                  <a:moveTo>
                    <a:pt x="1780032" y="13716"/>
                  </a:moveTo>
                  <a:lnTo>
                    <a:pt x="1725168" y="13716"/>
                  </a:lnTo>
                  <a:lnTo>
                    <a:pt x="1725168" y="0"/>
                  </a:lnTo>
                  <a:lnTo>
                    <a:pt x="1780032" y="0"/>
                  </a:lnTo>
                  <a:lnTo>
                    <a:pt x="1780032" y="13716"/>
                  </a:lnTo>
                  <a:close/>
                </a:path>
                <a:path w="6186170" h="311150">
                  <a:moveTo>
                    <a:pt x="1876044" y="13716"/>
                  </a:moveTo>
                  <a:lnTo>
                    <a:pt x="1821180" y="13716"/>
                  </a:lnTo>
                  <a:lnTo>
                    <a:pt x="1821180" y="0"/>
                  </a:lnTo>
                  <a:lnTo>
                    <a:pt x="1876044" y="0"/>
                  </a:lnTo>
                  <a:lnTo>
                    <a:pt x="1876044" y="13716"/>
                  </a:lnTo>
                  <a:close/>
                </a:path>
                <a:path w="6186170" h="311150">
                  <a:moveTo>
                    <a:pt x="1972056" y="13716"/>
                  </a:moveTo>
                  <a:lnTo>
                    <a:pt x="1917192" y="13716"/>
                  </a:lnTo>
                  <a:lnTo>
                    <a:pt x="1917192" y="0"/>
                  </a:lnTo>
                  <a:lnTo>
                    <a:pt x="1972056" y="0"/>
                  </a:lnTo>
                  <a:lnTo>
                    <a:pt x="1972056" y="13716"/>
                  </a:lnTo>
                  <a:close/>
                </a:path>
                <a:path w="6186170" h="311150">
                  <a:moveTo>
                    <a:pt x="2066544" y="13716"/>
                  </a:moveTo>
                  <a:lnTo>
                    <a:pt x="2013204" y="13716"/>
                  </a:lnTo>
                  <a:lnTo>
                    <a:pt x="2013204" y="0"/>
                  </a:lnTo>
                  <a:lnTo>
                    <a:pt x="2066544" y="0"/>
                  </a:lnTo>
                  <a:lnTo>
                    <a:pt x="2066544" y="13716"/>
                  </a:lnTo>
                  <a:close/>
                </a:path>
                <a:path w="6186170" h="311150">
                  <a:moveTo>
                    <a:pt x="2162556" y="13716"/>
                  </a:moveTo>
                  <a:lnTo>
                    <a:pt x="2107692" y="13716"/>
                  </a:lnTo>
                  <a:lnTo>
                    <a:pt x="2107692" y="0"/>
                  </a:lnTo>
                  <a:lnTo>
                    <a:pt x="2162556" y="0"/>
                  </a:lnTo>
                  <a:lnTo>
                    <a:pt x="2162556" y="13716"/>
                  </a:lnTo>
                  <a:close/>
                </a:path>
                <a:path w="6186170" h="311150">
                  <a:moveTo>
                    <a:pt x="2258568" y="13716"/>
                  </a:moveTo>
                  <a:lnTo>
                    <a:pt x="2203704" y="13716"/>
                  </a:lnTo>
                  <a:lnTo>
                    <a:pt x="2203704" y="0"/>
                  </a:lnTo>
                  <a:lnTo>
                    <a:pt x="2258568" y="0"/>
                  </a:lnTo>
                  <a:lnTo>
                    <a:pt x="2258568" y="13716"/>
                  </a:lnTo>
                  <a:close/>
                </a:path>
                <a:path w="6186170" h="311150">
                  <a:moveTo>
                    <a:pt x="2354580" y="13716"/>
                  </a:moveTo>
                  <a:lnTo>
                    <a:pt x="2299716" y="13716"/>
                  </a:lnTo>
                  <a:lnTo>
                    <a:pt x="2299716" y="0"/>
                  </a:lnTo>
                  <a:lnTo>
                    <a:pt x="2354580" y="0"/>
                  </a:lnTo>
                  <a:lnTo>
                    <a:pt x="2354580" y="13716"/>
                  </a:lnTo>
                  <a:close/>
                </a:path>
                <a:path w="6186170" h="311150">
                  <a:moveTo>
                    <a:pt x="2450592" y="13716"/>
                  </a:moveTo>
                  <a:lnTo>
                    <a:pt x="2395728" y="13716"/>
                  </a:lnTo>
                  <a:lnTo>
                    <a:pt x="2395728" y="0"/>
                  </a:lnTo>
                  <a:lnTo>
                    <a:pt x="2450592" y="0"/>
                  </a:lnTo>
                  <a:lnTo>
                    <a:pt x="2450592" y="13716"/>
                  </a:lnTo>
                  <a:close/>
                </a:path>
                <a:path w="6186170" h="311150">
                  <a:moveTo>
                    <a:pt x="2546604" y="13716"/>
                  </a:moveTo>
                  <a:lnTo>
                    <a:pt x="2491740" y="13716"/>
                  </a:lnTo>
                  <a:lnTo>
                    <a:pt x="2491740" y="0"/>
                  </a:lnTo>
                  <a:lnTo>
                    <a:pt x="2546604" y="0"/>
                  </a:lnTo>
                  <a:lnTo>
                    <a:pt x="2546604" y="13716"/>
                  </a:lnTo>
                  <a:close/>
                </a:path>
                <a:path w="6186170" h="311150">
                  <a:moveTo>
                    <a:pt x="2642616" y="13716"/>
                  </a:moveTo>
                  <a:lnTo>
                    <a:pt x="2587752" y="13716"/>
                  </a:lnTo>
                  <a:lnTo>
                    <a:pt x="2587752" y="0"/>
                  </a:lnTo>
                  <a:lnTo>
                    <a:pt x="2642616" y="0"/>
                  </a:lnTo>
                  <a:lnTo>
                    <a:pt x="2642616" y="13716"/>
                  </a:lnTo>
                  <a:close/>
                </a:path>
                <a:path w="6186170" h="311150">
                  <a:moveTo>
                    <a:pt x="2738628" y="13716"/>
                  </a:moveTo>
                  <a:lnTo>
                    <a:pt x="2683764" y="13716"/>
                  </a:lnTo>
                  <a:lnTo>
                    <a:pt x="2683764" y="0"/>
                  </a:lnTo>
                  <a:lnTo>
                    <a:pt x="2738628" y="0"/>
                  </a:lnTo>
                  <a:lnTo>
                    <a:pt x="2738628" y="13716"/>
                  </a:lnTo>
                  <a:close/>
                </a:path>
                <a:path w="6186170" h="311150">
                  <a:moveTo>
                    <a:pt x="2834640" y="13716"/>
                  </a:moveTo>
                  <a:lnTo>
                    <a:pt x="2779776" y="13716"/>
                  </a:lnTo>
                  <a:lnTo>
                    <a:pt x="2779776" y="0"/>
                  </a:lnTo>
                  <a:lnTo>
                    <a:pt x="2834640" y="0"/>
                  </a:lnTo>
                  <a:lnTo>
                    <a:pt x="2834640" y="13716"/>
                  </a:lnTo>
                  <a:close/>
                </a:path>
                <a:path w="6186170" h="311150">
                  <a:moveTo>
                    <a:pt x="2930652" y="13716"/>
                  </a:moveTo>
                  <a:lnTo>
                    <a:pt x="2875788" y="13716"/>
                  </a:lnTo>
                  <a:lnTo>
                    <a:pt x="2875788" y="0"/>
                  </a:lnTo>
                  <a:lnTo>
                    <a:pt x="2930652" y="0"/>
                  </a:lnTo>
                  <a:lnTo>
                    <a:pt x="2930652" y="13716"/>
                  </a:lnTo>
                  <a:close/>
                </a:path>
                <a:path w="6186170" h="311150">
                  <a:moveTo>
                    <a:pt x="3026664" y="13716"/>
                  </a:moveTo>
                  <a:lnTo>
                    <a:pt x="2971800" y="13716"/>
                  </a:lnTo>
                  <a:lnTo>
                    <a:pt x="2971800" y="0"/>
                  </a:lnTo>
                  <a:lnTo>
                    <a:pt x="3026664" y="0"/>
                  </a:lnTo>
                  <a:lnTo>
                    <a:pt x="3026664" y="13716"/>
                  </a:lnTo>
                  <a:close/>
                </a:path>
                <a:path w="6186170" h="311150">
                  <a:moveTo>
                    <a:pt x="3122676" y="13716"/>
                  </a:moveTo>
                  <a:lnTo>
                    <a:pt x="3067812" y="13716"/>
                  </a:lnTo>
                  <a:lnTo>
                    <a:pt x="3067812" y="0"/>
                  </a:lnTo>
                  <a:lnTo>
                    <a:pt x="3122676" y="0"/>
                  </a:lnTo>
                  <a:lnTo>
                    <a:pt x="3122676" y="13716"/>
                  </a:lnTo>
                  <a:close/>
                </a:path>
                <a:path w="6186170" h="311150">
                  <a:moveTo>
                    <a:pt x="3218688" y="13716"/>
                  </a:moveTo>
                  <a:lnTo>
                    <a:pt x="3163824" y="13716"/>
                  </a:lnTo>
                  <a:lnTo>
                    <a:pt x="3163824" y="0"/>
                  </a:lnTo>
                  <a:lnTo>
                    <a:pt x="3218688" y="0"/>
                  </a:lnTo>
                  <a:lnTo>
                    <a:pt x="3218688" y="13716"/>
                  </a:lnTo>
                  <a:close/>
                </a:path>
                <a:path w="6186170" h="311150">
                  <a:moveTo>
                    <a:pt x="3314700" y="13716"/>
                  </a:moveTo>
                  <a:lnTo>
                    <a:pt x="3259836" y="13716"/>
                  </a:lnTo>
                  <a:lnTo>
                    <a:pt x="3259836" y="0"/>
                  </a:lnTo>
                  <a:lnTo>
                    <a:pt x="3314700" y="0"/>
                  </a:lnTo>
                  <a:lnTo>
                    <a:pt x="3314700" y="13716"/>
                  </a:lnTo>
                  <a:close/>
                </a:path>
                <a:path w="6186170" h="311150">
                  <a:moveTo>
                    <a:pt x="3410712" y="13716"/>
                  </a:moveTo>
                  <a:lnTo>
                    <a:pt x="3355848" y="13716"/>
                  </a:lnTo>
                  <a:lnTo>
                    <a:pt x="3355848" y="0"/>
                  </a:lnTo>
                  <a:lnTo>
                    <a:pt x="3410712" y="0"/>
                  </a:lnTo>
                  <a:lnTo>
                    <a:pt x="3410712" y="13716"/>
                  </a:lnTo>
                  <a:close/>
                </a:path>
                <a:path w="6186170" h="311150">
                  <a:moveTo>
                    <a:pt x="3506724" y="13716"/>
                  </a:moveTo>
                  <a:lnTo>
                    <a:pt x="3451860" y="13716"/>
                  </a:lnTo>
                  <a:lnTo>
                    <a:pt x="3451860" y="0"/>
                  </a:lnTo>
                  <a:lnTo>
                    <a:pt x="3506724" y="0"/>
                  </a:lnTo>
                  <a:lnTo>
                    <a:pt x="3506724" y="13716"/>
                  </a:lnTo>
                  <a:close/>
                </a:path>
                <a:path w="6186170" h="311150">
                  <a:moveTo>
                    <a:pt x="3602736" y="13716"/>
                  </a:moveTo>
                  <a:lnTo>
                    <a:pt x="3547872" y="13716"/>
                  </a:lnTo>
                  <a:lnTo>
                    <a:pt x="3547872" y="0"/>
                  </a:lnTo>
                  <a:lnTo>
                    <a:pt x="3602736" y="0"/>
                  </a:lnTo>
                  <a:lnTo>
                    <a:pt x="3602736" y="13716"/>
                  </a:lnTo>
                  <a:close/>
                </a:path>
                <a:path w="6186170" h="311150">
                  <a:moveTo>
                    <a:pt x="3698748" y="13716"/>
                  </a:moveTo>
                  <a:lnTo>
                    <a:pt x="3643884" y="13716"/>
                  </a:lnTo>
                  <a:lnTo>
                    <a:pt x="3643884" y="0"/>
                  </a:lnTo>
                  <a:lnTo>
                    <a:pt x="3698748" y="0"/>
                  </a:lnTo>
                  <a:lnTo>
                    <a:pt x="3698748" y="13716"/>
                  </a:lnTo>
                  <a:close/>
                </a:path>
                <a:path w="6186170" h="311150">
                  <a:moveTo>
                    <a:pt x="3794760" y="13716"/>
                  </a:moveTo>
                  <a:lnTo>
                    <a:pt x="3739896" y="13716"/>
                  </a:lnTo>
                  <a:lnTo>
                    <a:pt x="3739896" y="0"/>
                  </a:lnTo>
                  <a:lnTo>
                    <a:pt x="3794760" y="0"/>
                  </a:lnTo>
                  <a:lnTo>
                    <a:pt x="3794760" y="13716"/>
                  </a:lnTo>
                  <a:close/>
                </a:path>
                <a:path w="6186170" h="311150">
                  <a:moveTo>
                    <a:pt x="3890772" y="13716"/>
                  </a:moveTo>
                  <a:lnTo>
                    <a:pt x="3835908" y="13716"/>
                  </a:lnTo>
                  <a:lnTo>
                    <a:pt x="3835908" y="0"/>
                  </a:lnTo>
                  <a:lnTo>
                    <a:pt x="3890772" y="0"/>
                  </a:lnTo>
                  <a:lnTo>
                    <a:pt x="3890772" y="13716"/>
                  </a:lnTo>
                  <a:close/>
                </a:path>
                <a:path w="6186170" h="311150">
                  <a:moveTo>
                    <a:pt x="3986784" y="13716"/>
                  </a:moveTo>
                  <a:lnTo>
                    <a:pt x="3931920" y="13716"/>
                  </a:lnTo>
                  <a:lnTo>
                    <a:pt x="3931920" y="0"/>
                  </a:lnTo>
                  <a:lnTo>
                    <a:pt x="3986784" y="0"/>
                  </a:lnTo>
                  <a:lnTo>
                    <a:pt x="3986784" y="13716"/>
                  </a:lnTo>
                  <a:close/>
                </a:path>
                <a:path w="6186170" h="311150">
                  <a:moveTo>
                    <a:pt x="4082796" y="13716"/>
                  </a:moveTo>
                  <a:lnTo>
                    <a:pt x="4027932" y="13716"/>
                  </a:lnTo>
                  <a:lnTo>
                    <a:pt x="4027932" y="0"/>
                  </a:lnTo>
                  <a:lnTo>
                    <a:pt x="4082796" y="0"/>
                  </a:lnTo>
                  <a:lnTo>
                    <a:pt x="4082796" y="13716"/>
                  </a:lnTo>
                  <a:close/>
                </a:path>
                <a:path w="6186170" h="311150">
                  <a:moveTo>
                    <a:pt x="4178808" y="13716"/>
                  </a:moveTo>
                  <a:lnTo>
                    <a:pt x="4123944" y="13716"/>
                  </a:lnTo>
                  <a:lnTo>
                    <a:pt x="4123944" y="0"/>
                  </a:lnTo>
                  <a:lnTo>
                    <a:pt x="4178808" y="0"/>
                  </a:lnTo>
                  <a:lnTo>
                    <a:pt x="4178808" y="13716"/>
                  </a:lnTo>
                  <a:close/>
                </a:path>
                <a:path w="6186170" h="311150">
                  <a:moveTo>
                    <a:pt x="4274820" y="13716"/>
                  </a:moveTo>
                  <a:lnTo>
                    <a:pt x="4219956" y="13716"/>
                  </a:lnTo>
                  <a:lnTo>
                    <a:pt x="4219956" y="0"/>
                  </a:lnTo>
                  <a:lnTo>
                    <a:pt x="4274820" y="0"/>
                  </a:lnTo>
                  <a:lnTo>
                    <a:pt x="4274820" y="13716"/>
                  </a:lnTo>
                  <a:close/>
                </a:path>
                <a:path w="6186170" h="311150">
                  <a:moveTo>
                    <a:pt x="4370832" y="13716"/>
                  </a:moveTo>
                  <a:lnTo>
                    <a:pt x="4315968" y="13716"/>
                  </a:lnTo>
                  <a:lnTo>
                    <a:pt x="4315968" y="0"/>
                  </a:lnTo>
                  <a:lnTo>
                    <a:pt x="4370832" y="0"/>
                  </a:lnTo>
                  <a:lnTo>
                    <a:pt x="4370832" y="13716"/>
                  </a:lnTo>
                  <a:close/>
                </a:path>
                <a:path w="6186170" h="311150">
                  <a:moveTo>
                    <a:pt x="4466844" y="13716"/>
                  </a:moveTo>
                  <a:lnTo>
                    <a:pt x="4411980" y="13716"/>
                  </a:lnTo>
                  <a:lnTo>
                    <a:pt x="4411980" y="0"/>
                  </a:lnTo>
                  <a:lnTo>
                    <a:pt x="4466844" y="0"/>
                  </a:lnTo>
                  <a:lnTo>
                    <a:pt x="4466844" y="13716"/>
                  </a:lnTo>
                  <a:close/>
                </a:path>
                <a:path w="6186170" h="311150">
                  <a:moveTo>
                    <a:pt x="4561332" y="13716"/>
                  </a:moveTo>
                  <a:lnTo>
                    <a:pt x="4506468" y="13716"/>
                  </a:lnTo>
                  <a:lnTo>
                    <a:pt x="4506468" y="0"/>
                  </a:lnTo>
                  <a:lnTo>
                    <a:pt x="4561332" y="0"/>
                  </a:lnTo>
                  <a:lnTo>
                    <a:pt x="4561332" y="13716"/>
                  </a:lnTo>
                  <a:close/>
                </a:path>
                <a:path w="6186170" h="311150">
                  <a:moveTo>
                    <a:pt x="4657344" y="13716"/>
                  </a:moveTo>
                  <a:lnTo>
                    <a:pt x="4602480" y="13716"/>
                  </a:lnTo>
                  <a:lnTo>
                    <a:pt x="4602480" y="0"/>
                  </a:lnTo>
                  <a:lnTo>
                    <a:pt x="4657344" y="0"/>
                  </a:lnTo>
                  <a:lnTo>
                    <a:pt x="4657344" y="13716"/>
                  </a:lnTo>
                  <a:close/>
                </a:path>
                <a:path w="6186170" h="311150">
                  <a:moveTo>
                    <a:pt x="4753356" y="13716"/>
                  </a:moveTo>
                  <a:lnTo>
                    <a:pt x="4698492" y="13716"/>
                  </a:lnTo>
                  <a:lnTo>
                    <a:pt x="4698492" y="0"/>
                  </a:lnTo>
                  <a:lnTo>
                    <a:pt x="4753356" y="0"/>
                  </a:lnTo>
                  <a:lnTo>
                    <a:pt x="4753356" y="13716"/>
                  </a:lnTo>
                  <a:close/>
                </a:path>
                <a:path w="6186170" h="311150">
                  <a:moveTo>
                    <a:pt x="4849368" y="13716"/>
                  </a:moveTo>
                  <a:lnTo>
                    <a:pt x="4794504" y="13716"/>
                  </a:lnTo>
                  <a:lnTo>
                    <a:pt x="4794504" y="0"/>
                  </a:lnTo>
                  <a:lnTo>
                    <a:pt x="4849368" y="0"/>
                  </a:lnTo>
                  <a:lnTo>
                    <a:pt x="4849368" y="13716"/>
                  </a:lnTo>
                  <a:close/>
                </a:path>
                <a:path w="6186170" h="311150">
                  <a:moveTo>
                    <a:pt x="4945380" y="13716"/>
                  </a:moveTo>
                  <a:lnTo>
                    <a:pt x="4890516" y="13716"/>
                  </a:lnTo>
                  <a:lnTo>
                    <a:pt x="4890516" y="0"/>
                  </a:lnTo>
                  <a:lnTo>
                    <a:pt x="4945380" y="0"/>
                  </a:lnTo>
                  <a:lnTo>
                    <a:pt x="4945380" y="13716"/>
                  </a:lnTo>
                  <a:close/>
                </a:path>
                <a:path w="6186170" h="311150">
                  <a:moveTo>
                    <a:pt x="5041392" y="13716"/>
                  </a:moveTo>
                  <a:lnTo>
                    <a:pt x="4986528" y="13716"/>
                  </a:lnTo>
                  <a:lnTo>
                    <a:pt x="4986528" y="0"/>
                  </a:lnTo>
                  <a:lnTo>
                    <a:pt x="5041392" y="0"/>
                  </a:lnTo>
                  <a:lnTo>
                    <a:pt x="5041392" y="13716"/>
                  </a:lnTo>
                  <a:close/>
                </a:path>
                <a:path w="6186170" h="311150">
                  <a:moveTo>
                    <a:pt x="5137404" y="13716"/>
                  </a:moveTo>
                  <a:lnTo>
                    <a:pt x="5082540" y="13716"/>
                  </a:lnTo>
                  <a:lnTo>
                    <a:pt x="5082540" y="0"/>
                  </a:lnTo>
                  <a:lnTo>
                    <a:pt x="5137404" y="0"/>
                  </a:lnTo>
                  <a:lnTo>
                    <a:pt x="5137404" y="13716"/>
                  </a:lnTo>
                  <a:close/>
                </a:path>
                <a:path w="6186170" h="311150">
                  <a:moveTo>
                    <a:pt x="5233416" y="13716"/>
                  </a:moveTo>
                  <a:lnTo>
                    <a:pt x="5178552" y="13716"/>
                  </a:lnTo>
                  <a:lnTo>
                    <a:pt x="5178552" y="0"/>
                  </a:lnTo>
                  <a:lnTo>
                    <a:pt x="5233416" y="0"/>
                  </a:lnTo>
                  <a:lnTo>
                    <a:pt x="5233416" y="13716"/>
                  </a:lnTo>
                  <a:close/>
                </a:path>
                <a:path w="6186170" h="311150">
                  <a:moveTo>
                    <a:pt x="5329428" y="13716"/>
                  </a:moveTo>
                  <a:lnTo>
                    <a:pt x="5274564" y="13716"/>
                  </a:lnTo>
                  <a:lnTo>
                    <a:pt x="5274564" y="0"/>
                  </a:lnTo>
                  <a:lnTo>
                    <a:pt x="5329428" y="0"/>
                  </a:lnTo>
                  <a:lnTo>
                    <a:pt x="5329428" y="13716"/>
                  </a:lnTo>
                  <a:close/>
                </a:path>
                <a:path w="6186170" h="311150">
                  <a:moveTo>
                    <a:pt x="5425440" y="13716"/>
                  </a:moveTo>
                  <a:lnTo>
                    <a:pt x="5370576" y="13716"/>
                  </a:lnTo>
                  <a:lnTo>
                    <a:pt x="5370576" y="0"/>
                  </a:lnTo>
                  <a:lnTo>
                    <a:pt x="5425440" y="0"/>
                  </a:lnTo>
                  <a:lnTo>
                    <a:pt x="5425440" y="13716"/>
                  </a:lnTo>
                  <a:close/>
                </a:path>
                <a:path w="6186170" h="311150">
                  <a:moveTo>
                    <a:pt x="5521452" y="13716"/>
                  </a:moveTo>
                  <a:lnTo>
                    <a:pt x="5466588" y="13716"/>
                  </a:lnTo>
                  <a:lnTo>
                    <a:pt x="5466588" y="0"/>
                  </a:lnTo>
                  <a:lnTo>
                    <a:pt x="5521452" y="0"/>
                  </a:lnTo>
                  <a:lnTo>
                    <a:pt x="5521452" y="13716"/>
                  </a:lnTo>
                  <a:close/>
                </a:path>
                <a:path w="6186170" h="311150">
                  <a:moveTo>
                    <a:pt x="5617464" y="13716"/>
                  </a:moveTo>
                  <a:lnTo>
                    <a:pt x="5562600" y="13716"/>
                  </a:lnTo>
                  <a:lnTo>
                    <a:pt x="5562600" y="0"/>
                  </a:lnTo>
                  <a:lnTo>
                    <a:pt x="5617464" y="0"/>
                  </a:lnTo>
                  <a:lnTo>
                    <a:pt x="5617464" y="13716"/>
                  </a:lnTo>
                  <a:close/>
                </a:path>
                <a:path w="6186170" h="311150">
                  <a:moveTo>
                    <a:pt x="5713476" y="13716"/>
                  </a:moveTo>
                  <a:lnTo>
                    <a:pt x="5658612" y="13716"/>
                  </a:lnTo>
                  <a:lnTo>
                    <a:pt x="5658612" y="0"/>
                  </a:lnTo>
                  <a:lnTo>
                    <a:pt x="5713476" y="0"/>
                  </a:lnTo>
                  <a:lnTo>
                    <a:pt x="5713476" y="13716"/>
                  </a:lnTo>
                  <a:close/>
                </a:path>
                <a:path w="6186170" h="311150">
                  <a:moveTo>
                    <a:pt x="5809488" y="13716"/>
                  </a:moveTo>
                  <a:lnTo>
                    <a:pt x="5754624" y="13716"/>
                  </a:lnTo>
                  <a:lnTo>
                    <a:pt x="5754624" y="0"/>
                  </a:lnTo>
                  <a:lnTo>
                    <a:pt x="5809488" y="0"/>
                  </a:lnTo>
                  <a:lnTo>
                    <a:pt x="5809488" y="13716"/>
                  </a:lnTo>
                  <a:close/>
                </a:path>
                <a:path w="6186170" h="311150">
                  <a:moveTo>
                    <a:pt x="5905500" y="13716"/>
                  </a:moveTo>
                  <a:lnTo>
                    <a:pt x="5850636" y="13716"/>
                  </a:lnTo>
                  <a:lnTo>
                    <a:pt x="5850636" y="0"/>
                  </a:lnTo>
                  <a:lnTo>
                    <a:pt x="5905500" y="0"/>
                  </a:lnTo>
                  <a:lnTo>
                    <a:pt x="5905500" y="13716"/>
                  </a:lnTo>
                  <a:close/>
                </a:path>
                <a:path w="6186170" h="311150">
                  <a:moveTo>
                    <a:pt x="6001512" y="13716"/>
                  </a:moveTo>
                  <a:lnTo>
                    <a:pt x="5946648" y="13716"/>
                  </a:lnTo>
                  <a:lnTo>
                    <a:pt x="5946648" y="0"/>
                  </a:lnTo>
                  <a:lnTo>
                    <a:pt x="6001512" y="0"/>
                  </a:lnTo>
                  <a:lnTo>
                    <a:pt x="6001512" y="13716"/>
                  </a:lnTo>
                  <a:close/>
                </a:path>
                <a:path w="6186170" h="311150">
                  <a:moveTo>
                    <a:pt x="6097524" y="13716"/>
                  </a:moveTo>
                  <a:lnTo>
                    <a:pt x="6042660" y="13716"/>
                  </a:lnTo>
                  <a:lnTo>
                    <a:pt x="6042660" y="0"/>
                  </a:lnTo>
                  <a:lnTo>
                    <a:pt x="6097524" y="0"/>
                  </a:lnTo>
                  <a:lnTo>
                    <a:pt x="6097524" y="13716"/>
                  </a:lnTo>
                  <a:close/>
                </a:path>
                <a:path w="6186170" h="311150">
                  <a:moveTo>
                    <a:pt x="6172200" y="13716"/>
                  </a:moveTo>
                  <a:lnTo>
                    <a:pt x="6138672" y="13716"/>
                  </a:lnTo>
                  <a:lnTo>
                    <a:pt x="6138672" y="0"/>
                  </a:lnTo>
                  <a:lnTo>
                    <a:pt x="6185916" y="0"/>
                  </a:lnTo>
                  <a:lnTo>
                    <a:pt x="6185916" y="6096"/>
                  </a:lnTo>
                  <a:lnTo>
                    <a:pt x="6172200" y="6096"/>
                  </a:lnTo>
                  <a:lnTo>
                    <a:pt x="6172200" y="13716"/>
                  </a:lnTo>
                  <a:close/>
                </a:path>
                <a:path w="6186170" h="311150">
                  <a:moveTo>
                    <a:pt x="6185916" y="21336"/>
                  </a:moveTo>
                  <a:lnTo>
                    <a:pt x="6172200" y="21336"/>
                  </a:lnTo>
                  <a:lnTo>
                    <a:pt x="6172200" y="6096"/>
                  </a:lnTo>
                  <a:lnTo>
                    <a:pt x="6178296" y="13716"/>
                  </a:lnTo>
                  <a:lnTo>
                    <a:pt x="6185916" y="13716"/>
                  </a:lnTo>
                  <a:lnTo>
                    <a:pt x="6185916" y="21336"/>
                  </a:lnTo>
                  <a:close/>
                </a:path>
                <a:path w="6186170" h="311150">
                  <a:moveTo>
                    <a:pt x="6185916" y="13716"/>
                  </a:moveTo>
                  <a:lnTo>
                    <a:pt x="6178296" y="13716"/>
                  </a:lnTo>
                  <a:lnTo>
                    <a:pt x="6172200" y="6096"/>
                  </a:lnTo>
                  <a:lnTo>
                    <a:pt x="6185916" y="6096"/>
                  </a:lnTo>
                  <a:lnTo>
                    <a:pt x="6185916" y="13716"/>
                  </a:lnTo>
                  <a:close/>
                </a:path>
                <a:path w="6186170" h="311150">
                  <a:moveTo>
                    <a:pt x="6185916" y="117348"/>
                  </a:moveTo>
                  <a:lnTo>
                    <a:pt x="6172200" y="117348"/>
                  </a:lnTo>
                  <a:lnTo>
                    <a:pt x="6172200" y="62484"/>
                  </a:lnTo>
                  <a:lnTo>
                    <a:pt x="6185916" y="62484"/>
                  </a:lnTo>
                  <a:lnTo>
                    <a:pt x="6185916" y="117348"/>
                  </a:lnTo>
                  <a:close/>
                </a:path>
                <a:path w="6186170" h="311150">
                  <a:moveTo>
                    <a:pt x="6185916" y="211836"/>
                  </a:moveTo>
                  <a:lnTo>
                    <a:pt x="6172200" y="211836"/>
                  </a:lnTo>
                  <a:lnTo>
                    <a:pt x="6172200" y="156972"/>
                  </a:lnTo>
                  <a:lnTo>
                    <a:pt x="6185916" y="156972"/>
                  </a:lnTo>
                  <a:lnTo>
                    <a:pt x="6185916" y="211836"/>
                  </a:lnTo>
                  <a:close/>
                </a:path>
                <a:path w="6186170" h="311150">
                  <a:moveTo>
                    <a:pt x="6172200" y="303276"/>
                  </a:moveTo>
                  <a:lnTo>
                    <a:pt x="6172200" y="252984"/>
                  </a:lnTo>
                  <a:lnTo>
                    <a:pt x="6185916" y="252984"/>
                  </a:lnTo>
                  <a:lnTo>
                    <a:pt x="6185916" y="297180"/>
                  </a:lnTo>
                  <a:lnTo>
                    <a:pt x="6173724" y="297180"/>
                  </a:lnTo>
                  <a:lnTo>
                    <a:pt x="6173724" y="301752"/>
                  </a:lnTo>
                  <a:lnTo>
                    <a:pt x="6172200" y="303276"/>
                  </a:lnTo>
                  <a:close/>
                </a:path>
                <a:path w="6186170" h="311150">
                  <a:moveTo>
                    <a:pt x="6173724" y="301752"/>
                  </a:moveTo>
                  <a:lnTo>
                    <a:pt x="6173724" y="297180"/>
                  </a:lnTo>
                  <a:lnTo>
                    <a:pt x="6178296" y="297180"/>
                  </a:lnTo>
                  <a:lnTo>
                    <a:pt x="6173724" y="301752"/>
                  </a:lnTo>
                  <a:close/>
                </a:path>
                <a:path w="6186170" h="311150">
                  <a:moveTo>
                    <a:pt x="6185916" y="310896"/>
                  </a:moveTo>
                  <a:lnTo>
                    <a:pt x="6173724" y="310896"/>
                  </a:lnTo>
                  <a:lnTo>
                    <a:pt x="6173724" y="301752"/>
                  </a:lnTo>
                  <a:lnTo>
                    <a:pt x="6178296" y="297180"/>
                  </a:lnTo>
                  <a:lnTo>
                    <a:pt x="6185916" y="297180"/>
                  </a:lnTo>
                  <a:lnTo>
                    <a:pt x="6185916" y="310896"/>
                  </a:lnTo>
                  <a:close/>
                </a:path>
                <a:path w="6186170" h="311150">
                  <a:moveTo>
                    <a:pt x="6132576" y="310896"/>
                  </a:moveTo>
                  <a:lnTo>
                    <a:pt x="6077712" y="310896"/>
                  </a:lnTo>
                  <a:lnTo>
                    <a:pt x="6077712" y="297180"/>
                  </a:lnTo>
                  <a:lnTo>
                    <a:pt x="6132576" y="297180"/>
                  </a:lnTo>
                  <a:lnTo>
                    <a:pt x="6132576" y="310896"/>
                  </a:lnTo>
                  <a:close/>
                </a:path>
                <a:path w="6186170" h="311150">
                  <a:moveTo>
                    <a:pt x="6036564" y="310896"/>
                  </a:moveTo>
                  <a:lnTo>
                    <a:pt x="5981700" y="310896"/>
                  </a:lnTo>
                  <a:lnTo>
                    <a:pt x="5981700" y="297180"/>
                  </a:lnTo>
                  <a:lnTo>
                    <a:pt x="6036564" y="297180"/>
                  </a:lnTo>
                  <a:lnTo>
                    <a:pt x="6036564" y="310896"/>
                  </a:lnTo>
                  <a:close/>
                </a:path>
                <a:path w="6186170" h="311150">
                  <a:moveTo>
                    <a:pt x="5940552" y="310896"/>
                  </a:moveTo>
                  <a:lnTo>
                    <a:pt x="5885688" y="310896"/>
                  </a:lnTo>
                  <a:lnTo>
                    <a:pt x="5885688" y="297180"/>
                  </a:lnTo>
                  <a:lnTo>
                    <a:pt x="5940552" y="297180"/>
                  </a:lnTo>
                  <a:lnTo>
                    <a:pt x="5940552" y="310896"/>
                  </a:lnTo>
                  <a:close/>
                </a:path>
                <a:path w="6186170" h="311150">
                  <a:moveTo>
                    <a:pt x="5844540" y="310896"/>
                  </a:moveTo>
                  <a:lnTo>
                    <a:pt x="5789676" y="310896"/>
                  </a:lnTo>
                  <a:lnTo>
                    <a:pt x="5789676" y="297180"/>
                  </a:lnTo>
                  <a:lnTo>
                    <a:pt x="5844540" y="297180"/>
                  </a:lnTo>
                  <a:lnTo>
                    <a:pt x="5844540" y="310896"/>
                  </a:lnTo>
                  <a:close/>
                </a:path>
                <a:path w="6186170" h="311150">
                  <a:moveTo>
                    <a:pt x="5748528" y="310896"/>
                  </a:moveTo>
                  <a:lnTo>
                    <a:pt x="5693664" y="310896"/>
                  </a:lnTo>
                  <a:lnTo>
                    <a:pt x="5693664" y="297180"/>
                  </a:lnTo>
                  <a:lnTo>
                    <a:pt x="5748528" y="297180"/>
                  </a:lnTo>
                  <a:lnTo>
                    <a:pt x="5748528" y="310896"/>
                  </a:lnTo>
                  <a:close/>
                </a:path>
                <a:path w="6186170" h="311150">
                  <a:moveTo>
                    <a:pt x="5654040" y="310896"/>
                  </a:moveTo>
                  <a:lnTo>
                    <a:pt x="5599176" y="310896"/>
                  </a:lnTo>
                  <a:lnTo>
                    <a:pt x="5599176" y="297180"/>
                  </a:lnTo>
                  <a:lnTo>
                    <a:pt x="5654040" y="297180"/>
                  </a:lnTo>
                  <a:lnTo>
                    <a:pt x="5654040" y="310896"/>
                  </a:lnTo>
                  <a:close/>
                </a:path>
                <a:path w="6186170" h="311150">
                  <a:moveTo>
                    <a:pt x="5558028" y="310896"/>
                  </a:moveTo>
                  <a:lnTo>
                    <a:pt x="5503164" y="310896"/>
                  </a:lnTo>
                  <a:lnTo>
                    <a:pt x="5503164" y="297180"/>
                  </a:lnTo>
                  <a:lnTo>
                    <a:pt x="5558028" y="297180"/>
                  </a:lnTo>
                  <a:lnTo>
                    <a:pt x="5558028" y="310896"/>
                  </a:lnTo>
                  <a:close/>
                </a:path>
                <a:path w="6186170" h="311150">
                  <a:moveTo>
                    <a:pt x="5462016" y="310896"/>
                  </a:moveTo>
                  <a:lnTo>
                    <a:pt x="5407152" y="310896"/>
                  </a:lnTo>
                  <a:lnTo>
                    <a:pt x="5407152" y="297180"/>
                  </a:lnTo>
                  <a:lnTo>
                    <a:pt x="5462016" y="297180"/>
                  </a:lnTo>
                  <a:lnTo>
                    <a:pt x="5462016" y="310896"/>
                  </a:lnTo>
                  <a:close/>
                </a:path>
                <a:path w="6186170" h="311150">
                  <a:moveTo>
                    <a:pt x="5366004" y="310896"/>
                  </a:moveTo>
                  <a:lnTo>
                    <a:pt x="5311140" y="310896"/>
                  </a:lnTo>
                  <a:lnTo>
                    <a:pt x="5311140" y="297180"/>
                  </a:lnTo>
                  <a:lnTo>
                    <a:pt x="5366004" y="297180"/>
                  </a:lnTo>
                  <a:lnTo>
                    <a:pt x="5366004" y="310896"/>
                  </a:lnTo>
                  <a:close/>
                </a:path>
                <a:path w="6186170" h="311150">
                  <a:moveTo>
                    <a:pt x="5269992" y="310896"/>
                  </a:moveTo>
                  <a:lnTo>
                    <a:pt x="5215128" y="310896"/>
                  </a:lnTo>
                  <a:lnTo>
                    <a:pt x="5215128" y="297180"/>
                  </a:lnTo>
                  <a:lnTo>
                    <a:pt x="5269992" y="297180"/>
                  </a:lnTo>
                  <a:lnTo>
                    <a:pt x="5269992" y="310896"/>
                  </a:lnTo>
                  <a:close/>
                </a:path>
                <a:path w="6186170" h="311150">
                  <a:moveTo>
                    <a:pt x="5173980" y="310896"/>
                  </a:moveTo>
                  <a:lnTo>
                    <a:pt x="5119116" y="310896"/>
                  </a:lnTo>
                  <a:lnTo>
                    <a:pt x="5119116" y="297180"/>
                  </a:lnTo>
                  <a:lnTo>
                    <a:pt x="5173980" y="297180"/>
                  </a:lnTo>
                  <a:lnTo>
                    <a:pt x="5173980" y="310896"/>
                  </a:lnTo>
                  <a:close/>
                </a:path>
                <a:path w="6186170" h="311150">
                  <a:moveTo>
                    <a:pt x="5077968" y="310896"/>
                  </a:moveTo>
                  <a:lnTo>
                    <a:pt x="5023104" y="310896"/>
                  </a:lnTo>
                  <a:lnTo>
                    <a:pt x="5023104" y="297180"/>
                  </a:lnTo>
                  <a:lnTo>
                    <a:pt x="5077968" y="297180"/>
                  </a:lnTo>
                  <a:lnTo>
                    <a:pt x="5077968" y="310896"/>
                  </a:lnTo>
                  <a:close/>
                </a:path>
                <a:path w="6186170" h="311150">
                  <a:moveTo>
                    <a:pt x="4981956" y="310896"/>
                  </a:moveTo>
                  <a:lnTo>
                    <a:pt x="4927092" y="310896"/>
                  </a:lnTo>
                  <a:lnTo>
                    <a:pt x="4927092" y="297180"/>
                  </a:lnTo>
                  <a:lnTo>
                    <a:pt x="4981956" y="297180"/>
                  </a:lnTo>
                  <a:lnTo>
                    <a:pt x="4981956" y="310896"/>
                  </a:lnTo>
                  <a:close/>
                </a:path>
                <a:path w="6186170" h="311150">
                  <a:moveTo>
                    <a:pt x="4885944" y="310896"/>
                  </a:moveTo>
                  <a:lnTo>
                    <a:pt x="4831080" y="310896"/>
                  </a:lnTo>
                  <a:lnTo>
                    <a:pt x="4831080" y="297180"/>
                  </a:lnTo>
                  <a:lnTo>
                    <a:pt x="4885944" y="297180"/>
                  </a:lnTo>
                  <a:lnTo>
                    <a:pt x="4885944" y="310896"/>
                  </a:lnTo>
                  <a:close/>
                </a:path>
                <a:path w="6186170" h="311150">
                  <a:moveTo>
                    <a:pt x="4789932" y="310896"/>
                  </a:moveTo>
                  <a:lnTo>
                    <a:pt x="4735068" y="310896"/>
                  </a:lnTo>
                  <a:lnTo>
                    <a:pt x="4735068" y="297180"/>
                  </a:lnTo>
                  <a:lnTo>
                    <a:pt x="4789932" y="297180"/>
                  </a:lnTo>
                  <a:lnTo>
                    <a:pt x="4789932" y="310896"/>
                  </a:lnTo>
                  <a:close/>
                </a:path>
                <a:path w="6186170" h="311150">
                  <a:moveTo>
                    <a:pt x="4693920" y="310896"/>
                  </a:moveTo>
                  <a:lnTo>
                    <a:pt x="4639056" y="310896"/>
                  </a:lnTo>
                  <a:lnTo>
                    <a:pt x="4639056" y="297180"/>
                  </a:lnTo>
                  <a:lnTo>
                    <a:pt x="4693920" y="297180"/>
                  </a:lnTo>
                  <a:lnTo>
                    <a:pt x="4693920" y="310896"/>
                  </a:lnTo>
                  <a:close/>
                </a:path>
                <a:path w="6186170" h="311150">
                  <a:moveTo>
                    <a:pt x="4597908" y="310896"/>
                  </a:moveTo>
                  <a:lnTo>
                    <a:pt x="4543044" y="310896"/>
                  </a:lnTo>
                  <a:lnTo>
                    <a:pt x="4543044" y="297180"/>
                  </a:lnTo>
                  <a:lnTo>
                    <a:pt x="4597908" y="297180"/>
                  </a:lnTo>
                  <a:lnTo>
                    <a:pt x="4597908" y="310896"/>
                  </a:lnTo>
                  <a:close/>
                </a:path>
                <a:path w="6186170" h="311150">
                  <a:moveTo>
                    <a:pt x="4501896" y="310896"/>
                  </a:moveTo>
                  <a:lnTo>
                    <a:pt x="4447032" y="310896"/>
                  </a:lnTo>
                  <a:lnTo>
                    <a:pt x="4447032" y="297180"/>
                  </a:lnTo>
                  <a:lnTo>
                    <a:pt x="4501896" y="297180"/>
                  </a:lnTo>
                  <a:lnTo>
                    <a:pt x="4501896" y="310896"/>
                  </a:lnTo>
                  <a:close/>
                </a:path>
                <a:path w="6186170" h="311150">
                  <a:moveTo>
                    <a:pt x="4405884" y="310896"/>
                  </a:moveTo>
                  <a:lnTo>
                    <a:pt x="4351020" y="310896"/>
                  </a:lnTo>
                  <a:lnTo>
                    <a:pt x="4351020" y="297180"/>
                  </a:lnTo>
                  <a:lnTo>
                    <a:pt x="4405884" y="297180"/>
                  </a:lnTo>
                  <a:lnTo>
                    <a:pt x="4405884" y="310896"/>
                  </a:lnTo>
                  <a:close/>
                </a:path>
                <a:path w="6186170" h="311150">
                  <a:moveTo>
                    <a:pt x="4309872" y="310896"/>
                  </a:moveTo>
                  <a:lnTo>
                    <a:pt x="4255008" y="310896"/>
                  </a:lnTo>
                  <a:lnTo>
                    <a:pt x="4255008" y="297180"/>
                  </a:lnTo>
                  <a:lnTo>
                    <a:pt x="4309872" y="297180"/>
                  </a:lnTo>
                  <a:lnTo>
                    <a:pt x="4309872" y="310896"/>
                  </a:lnTo>
                  <a:close/>
                </a:path>
                <a:path w="6186170" h="311150">
                  <a:moveTo>
                    <a:pt x="4213860" y="310896"/>
                  </a:moveTo>
                  <a:lnTo>
                    <a:pt x="4158996" y="310896"/>
                  </a:lnTo>
                  <a:lnTo>
                    <a:pt x="4158996" y="297180"/>
                  </a:lnTo>
                  <a:lnTo>
                    <a:pt x="4213860" y="297180"/>
                  </a:lnTo>
                  <a:lnTo>
                    <a:pt x="4213860" y="310896"/>
                  </a:lnTo>
                  <a:close/>
                </a:path>
                <a:path w="6186170" h="311150">
                  <a:moveTo>
                    <a:pt x="4117848" y="310896"/>
                  </a:moveTo>
                  <a:lnTo>
                    <a:pt x="4062984" y="310896"/>
                  </a:lnTo>
                  <a:lnTo>
                    <a:pt x="4062984" y="297180"/>
                  </a:lnTo>
                  <a:lnTo>
                    <a:pt x="4117848" y="297180"/>
                  </a:lnTo>
                  <a:lnTo>
                    <a:pt x="4117848" y="310896"/>
                  </a:lnTo>
                  <a:close/>
                </a:path>
                <a:path w="6186170" h="311150">
                  <a:moveTo>
                    <a:pt x="4021836" y="310896"/>
                  </a:moveTo>
                  <a:lnTo>
                    <a:pt x="3966972" y="310896"/>
                  </a:lnTo>
                  <a:lnTo>
                    <a:pt x="3966972" y="297180"/>
                  </a:lnTo>
                  <a:lnTo>
                    <a:pt x="4021836" y="297180"/>
                  </a:lnTo>
                  <a:lnTo>
                    <a:pt x="4021836" y="310896"/>
                  </a:lnTo>
                  <a:close/>
                </a:path>
                <a:path w="6186170" h="311150">
                  <a:moveTo>
                    <a:pt x="3925824" y="310896"/>
                  </a:moveTo>
                  <a:lnTo>
                    <a:pt x="3870960" y="310896"/>
                  </a:lnTo>
                  <a:lnTo>
                    <a:pt x="3870960" y="297180"/>
                  </a:lnTo>
                  <a:lnTo>
                    <a:pt x="3925824" y="297180"/>
                  </a:lnTo>
                  <a:lnTo>
                    <a:pt x="3925824" y="310896"/>
                  </a:lnTo>
                  <a:close/>
                </a:path>
                <a:path w="6186170" h="311150">
                  <a:moveTo>
                    <a:pt x="3829812" y="310896"/>
                  </a:moveTo>
                  <a:lnTo>
                    <a:pt x="3774948" y="310896"/>
                  </a:lnTo>
                  <a:lnTo>
                    <a:pt x="3774948" y="297180"/>
                  </a:lnTo>
                  <a:lnTo>
                    <a:pt x="3829812" y="297180"/>
                  </a:lnTo>
                  <a:lnTo>
                    <a:pt x="3829812" y="310896"/>
                  </a:lnTo>
                  <a:close/>
                </a:path>
                <a:path w="6186170" h="311150">
                  <a:moveTo>
                    <a:pt x="3733800" y="310896"/>
                  </a:moveTo>
                  <a:lnTo>
                    <a:pt x="3678936" y="310896"/>
                  </a:lnTo>
                  <a:lnTo>
                    <a:pt x="3678936" y="297180"/>
                  </a:lnTo>
                  <a:lnTo>
                    <a:pt x="3733800" y="297180"/>
                  </a:lnTo>
                  <a:lnTo>
                    <a:pt x="3733800" y="310896"/>
                  </a:lnTo>
                  <a:close/>
                </a:path>
                <a:path w="6186170" h="311150">
                  <a:moveTo>
                    <a:pt x="3637788" y="310896"/>
                  </a:moveTo>
                  <a:lnTo>
                    <a:pt x="3582924" y="310896"/>
                  </a:lnTo>
                  <a:lnTo>
                    <a:pt x="3582924" y="297180"/>
                  </a:lnTo>
                  <a:lnTo>
                    <a:pt x="3637788" y="297180"/>
                  </a:lnTo>
                  <a:lnTo>
                    <a:pt x="3637788" y="310896"/>
                  </a:lnTo>
                  <a:close/>
                </a:path>
                <a:path w="6186170" h="311150">
                  <a:moveTo>
                    <a:pt x="3541776" y="310896"/>
                  </a:moveTo>
                  <a:lnTo>
                    <a:pt x="3486912" y="310896"/>
                  </a:lnTo>
                  <a:lnTo>
                    <a:pt x="3486912" y="297180"/>
                  </a:lnTo>
                  <a:lnTo>
                    <a:pt x="3541776" y="297180"/>
                  </a:lnTo>
                  <a:lnTo>
                    <a:pt x="3541776" y="310896"/>
                  </a:lnTo>
                  <a:close/>
                </a:path>
                <a:path w="6186170" h="311150">
                  <a:moveTo>
                    <a:pt x="3445764" y="310896"/>
                  </a:moveTo>
                  <a:lnTo>
                    <a:pt x="3390900" y="310896"/>
                  </a:lnTo>
                  <a:lnTo>
                    <a:pt x="3390900" y="297180"/>
                  </a:lnTo>
                  <a:lnTo>
                    <a:pt x="3445764" y="297180"/>
                  </a:lnTo>
                  <a:lnTo>
                    <a:pt x="3445764" y="310896"/>
                  </a:lnTo>
                  <a:close/>
                </a:path>
                <a:path w="6186170" h="311150">
                  <a:moveTo>
                    <a:pt x="3349752" y="310896"/>
                  </a:moveTo>
                  <a:lnTo>
                    <a:pt x="3294888" y="310896"/>
                  </a:lnTo>
                  <a:lnTo>
                    <a:pt x="3294888" y="297180"/>
                  </a:lnTo>
                  <a:lnTo>
                    <a:pt x="3349752" y="297180"/>
                  </a:lnTo>
                  <a:lnTo>
                    <a:pt x="3349752" y="310896"/>
                  </a:lnTo>
                  <a:close/>
                </a:path>
                <a:path w="6186170" h="311150">
                  <a:moveTo>
                    <a:pt x="3253740" y="310896"/>
                  </a:moveTo>
                  <a:lnTo>
                    <a:pt x="3200400" y="310896"/>
                  </a:lnTo>
                  <a:lnTo>
                    <a:pt x="3200400" y="297180"/>
                  </a:lnTo>
                  <a:lnTo>
                    <a:pt x="3253740" y="297180"/>
                  </a:lnTo>
                  <a:lnTo>
                    <a:pt x="3253740" y="310896"/>
                  </a:lnTo>
                  <a:close/>
                </a:path>
                <a:path w="6186170" h="311150">
                  <a:moveTo>
                    <a:pt x="3159252" y="310896"/>
                  </a:moveTo>
                  <a:lnTo>
                    <a:pt x="3104388" y="310896"/>
                  </a:lnTo>
                  <a:lnTo>
                    <a:pt x="3104388" y="297180"/>
                  </a:lnTo>
                  <a:lnTo>
                    <a:pt x="3159252" y="297180"/>
                  </a:lnTo>
                  <a:lnTo>
                    <a:pt x="3159252" y="310896"/>
                  </a:lnTo>
                  <a:close/>
                </a:path>
                <a:path w="6186170" h="311150">
                  <a:moveTo>
                    <a:pt x="3063240" y="310896"/>
                  </a:moveTo>
                  <a:lnTo>
                    <a:pt x="3008376" y="310896"/>
                  </a:lnTo>
                  <a:lnTo>
                    <a:pt x="3008376" y="297180"/>
                  </a:lnTo>
                  <a:lnTo>
                    <a:pt x="3063240" y="297180"/>
                  </a:lnTo>
                  <a:lnTo>
                    <a:pt x="3063240" y="310896"/>
                  </a:lnTo>
                  <a:close/>
                </a:path>
                <a:path w="6186170" h="311150">
                  <a:moveTo>
                    <a:pt x="2967228" y="310896"/>
                  </a:moveTo>
                  <a:lnTo>
                    <a:pt x="2912364" y="310896"/>
                  </a:lnTo>
                  <a:lnTo>
                    <a:pt x="2912364" y="297180"/>
                  </a:lnTo>
                  <a:lnTo>
                    <a:pt x="2967228" y="297180"/>
                  </a:lnTo>
                  <a:lnTo>
                    <a:pt x="2967228" y="310896"/>
                  </a:lnTo>
                  <a:close/>
                </a:path>
                <a:path w="6186170" h="311150">
                  <a:moveTo>
                    <a:pt x="2871216" y="310896"/>
                  </a:moveTo>
                  <a:lnTo>
                    <a:pt x="2816352" y="310896"/>
                  </a:lnTo>
                  <a:lnTo>
                    <a:pt x="2816352" y="297180"/>
                  </a:lnTo>
                  <a:lnTo>
                    <a:pt x="2871216" y="297180"/>
                  </a:lnTo>
                  <a:lnTo>
                    <a:pt x="2871216" y="310896"/>
                  </a:lnTo>
                  <a:close/>
                </a:path>
                <a:path w="6186170" h="311150">
                  <a:moveTo>
                    <a:pt x="2775204" y="310896"/>
                  </a:moveTo>
                  <a:lnTo>
                    <a:pt x="2720340" y="310896"/>
                  </a:lnTo>
                  <a:lnTo>
                    <a:pt x="2720340" y="297180"/>
                  </a:lnTo>
                  <a:lnTo>
                    <a:pt x="2775204" y="297180"/>
                  </a:lnTo>
                  <a:lnTo>
                    <a:pt x="2775204" y="310896"/>
                  </a:lnTo>
                  <a:close/>
                </a:path>
                <a:path w="6186170" h="311150">
                  <a:moveTo>
                    <a:pt x="2679192" y="310896"/>
                  </a:moveTo>
                  <a:lnTo>
                    <a:pt x="2624328" y="310896"/>
                  </a:lnTo>
                  <a:lnTo>
                    <a:pt x="2624328" y="297180"/>
                  </a:lnTo>
                  <a:lnTo>
                    <a:pt x="2679192" y="297180"/>
                  </a:lnTo>
                  <a:lnTo>
                    <a:pt x="2679192" y="310896"/>
                  </a:lnTo>
                  <a:close/>
                </a:path>
                <a:path w="6186170" h="311150">
                  <a:moveTo>
                    <a:pt x="2583180" y="310896"/>
                  </a:moveTo>
                  <a:lnTo>
                    <a:pt x="2528316" y="310896"/>
                  </a:lnTo>
                  <a:lnTo>
                    <a:pt x="2528316" y="297180"/>
                  </a:lnTo>
                  <a:lnTo>
                    <a:pt x="2583180" y="297180"/>
                  </a:lnTo>
                  <a:lnTo>
                    <a:pt x="2583180" y="310896"/>
                  </a:lnTo>
                  <a:close/>
                </a:path>
                <a:path w="6186170" h="311150">
                  <a:moveTo>
                    <a:pt x="2487168" y="310896"/>
                  </a:moveTo>
                  <a:lnTo>
                    <a:pt x="2432304" y="310896"/>
                  </a:lnTo>
                  <a:lnTo>
                    <a:pt x="2432304" y="297180"/>
                  </a:lnTo>
                  <a:lnTo>
                    <a:pt x="2487168" y="297180"/>
                  </a:lnTo>
                  <a:lnTo>
                    <a:pt x="2487168" y="310896"/>
                  </a:lnTo>
                  <a:close/>
                </a:path>
                <a:path w="6186170" h="311150">
                  <a:moveTo>
                    <a:pt x="2391156" y="310896"/>
                  </a:moveTo>
                  <a:lnTo>
                    <a:pt x="2336292" y="310896"/>
                  </a:lnTo>
                  <a:lnTo>
                    <a:pt x="2336292" y="297180"/>
                  </a:lnTo>
                  <a:lnTo>
                    <a:pt x="2391156" y="297180"/>
                  </a:lnTo>
                  <a:lnTo>
                    <a:pt x="2391156" y="310896"/>
                  </a:lnTo>
                  <a:close/>
                </a:path>
                <a:path w="6186170" h="311150">
                  <a:moveTo>
                    <a:pt x="2295144" y="310896"/>
                  </a:moveTo>
                  <a:lnTo>
                    <a:pt x="2240280" y="310896"/>
                  </a:lnTo>
                  <a:lnTo>
                    <a:pt x="2240280" y="297180"/>
                  </a:lnTo>
                  <a:lnTo>
                    <a:pt x="2295144" y="297180"/>
                  </a:lnTo>
                  <a:lnTo>
                    <a:pt x="2295144" y="310896"/>
                  </a:lnTo>
                  <a:close/>
                </a:path>
                <a:path w="6186170" h="311150">
                  <a:moveTo>
                    <a:pt x="2199132" y="310896"/>
                  </a:moveTo>
                  <a:lnTo>
                    <a:pt x="2144268" y="310896"/>
                  </a:lnTo>
                  <a:lnTo>
                    <a:pt x="2144268" y="297180"/>
                  </a:lnTo>
                  <a:lnTo>
                    <a:pt x="2199132" y="297180"/>
                  </a:lnTo>
                  <a:lnTo>
                    <a:pt x="2199132" y="310896"/>
                  </a:lnTo>
                  <a:close/>
                </a:path>
                <a:path w="6186170" h="311150">
                  <a:moveTo>
                    <a:pt x="2103120" y="310896"/>
                  </a:moveTo>
                  <a:lnTo>
                    <a:pt x="2048256" y="310896"/>
                  </a:lnTo>
                  <a:lnTo>
                    <a:pt x="2048256" y="297180"/>
                  </a:lnTo>
                  <a:lnTo>
                    <a:pt x="2103120" y="297180"/>
                  </a:lnTo>
                  <a:lnTo>
                    <a:pt x="2103120" y="310896"/>
                  </a:lnTo>
                  <a:close/>
                </a:path>
                <a:path w="6186170" h="311150">
                  <a:moveTo>
                    <a:pt x="2007108" y="310896"/>
                  </a:moveTo>
                  <a:lnTo>
                    <a:pt x="1952244" y="310896"/>
                  </a:lnTo>
                  <a:lnTo>
                    <a:pt x="1952244" y="297180"/>
                  </a:lnTo>
                  <a:lnTo>
                    <a:pt x="2007108" y="297180"/>
                  </a:lnTo>
                  <a:lnTo>
                    <a:pt x="2007108" y="310896"/>
                  </a:lnTo>
                  <a:close/>
                </a:path>
                <a:path w="6186170" h="311150">
                  <a:moveTo>
                    <a:pt x="1911096" y="310896"/>
                  </a:moveTo>
                  <a:lnTo>
                    <a:pt x="1856232" y="310896"/>
                  </a:lnTo>
                  <a:lnTo>
                    <a:pt x="1856232" y="297180"/>
                  </a:lnTo>
                  <a:lnTo>
                    <a:pt x="1911096" y="297180"/>
                  </a:lnTo>
                  <a:lnTo>
                    <a:pt x="1911096" y="310896"/>
                  </a:lnTo>
                  <a:close/>
                </a:path>
                <a:path w="6186170" h="311150">
                  <a:moveTo>
                    <a:pt x="1815084" y="310896"/>
                  </a:moveTo>
                  <a:lnTo>
                    <a:pt x="1760220" y="310896"/>
                  </a:lnTo>
                  <a:lnTo>
                    <a:pt x="1760220" y="297180"/>
                  </a:lnTo>
                  <a:lnTo>
                    <a:pt x="1815084" y="297180"/>
                  </a:lnTo>
                  <a:lnTo>
                    <a:pt x="1815084" y="310896"/>
                  </a:lnTo>
                  <a:close/>
                </a:path>
                <a:path w="6186170" h="311150">
                  <a:moveTo>
                    <a:pt x="1719072" y="310896"/>
                  </a:moveTo>
                  <a:lnTo>
                    <a:pt x="1664208" y="310896"/>
                  </a:lnTo>
                  <a:lnTo>
                    <a:pt x="1664208" y="297180"/>
                  </a:lnTo>
                  <a:lnTo>
                    <a:pt x="1719072" y="297180"/>
                  </a:lnTo>
                  <a:lnTo>
                    <a:pt x="1719072" y="310896"/>
                  </a:lnTo>
                  <a:close/>
                </a:path>
                <a:path w="6186170" h="311150">
                  <a:moveTo>
                    <a:pt x="1623060" y="310896"/>
                  </a:moveTo>
                  <a:lnTo>
                    <a:pt x="1568196" y="310896"/>
                  </a:lnTo>
                  <a:lnTo>
                    <a:pt x="1568196" y="297180"/>
                  </a:lnTo>
                  <a:lnTo>
                    <a:pt x="1623060" y="297180"/>
                  </a:lnTo>
                  <a:lnTo>
                    <a:pt x="1623060" y="310896"/>
                  </a:lnTo>
                  <a:close/>
                </a:path>
                <a:path w="6186170" h="311150">
                  <a:moveTo>
                    <a:pt x="1527048" y="310896"/>
                  </a:moveTo>
                  <a:lnTo>
                    <a:pt x="1472184" y="310896"/>
                  </a:lnTo>
                  <a:lnTo>
                    <a:pt x="1472184" y="297180"/>
                  </a:lnTo>
                  <a:lnTo>
                    <a:pt x="1527048" y="297180"/>
                  </a:lnTo>
                  <a:lnTo>
                    <a:pt x="1527048" y="310896"/>
                  </a:lnTo>
                  <a:close/>
                </a:path>
                <a:path w="6186170" h="311150">
                  <a:moveTo>
                    <a:pt x="1431036" y="310896"/>
                  </a:moveTo>
                  <a:lnTo>
                    <a:pt x="1376172" y="310896"/>
                  </a:lnTo>
                  <a:lnTo>
                    <a:pt x="1376172" y="297180"/>
                  </a:lnTo>
                  <a:lnTo>
                    <a:pt x="1431036" y="297180"/>
                  </a:lnTo>
                  <a:lnTo>
                    <a:pt x="1431036" y="310896"/>
                  </a:lnTo>
                  <a:close/>
                </a:path>
                <a:path w="6186170" h="311150">
                  <a:moveTo>
                    <a:pt x="1335024" y="310896"/>
                  </a:moveTo>
                  <a:lnTo>
                    <a:pt x="1280160" y="310896"/>
                  </a:lnTo>
                  <a:lnTo>
                    <a:pt x="1280160" y="297180"/>
                  </a:lnTo>
                  <a:lnTo>
                    <a:pt x="1335024" y="297180"/>
                  </a:lnTo>
                  <a:lnTo>
                    <a:pt x="1335024" y="310896"/>
                  </a:lnTo>
                  <a:close/>
                </a:path>
                <a:path w="6186170" h="311150">
                  <a:moveTo>
                    <a:pt x="1239012" y="310896"/>
                  </a:moveTo>
                  <a:lnTo>
                    <a:pt x="1184148" y="310896"/>
                  </a:lnTo>
                  <a:lnTo>
                    <a:pt x="1184148" y="297180"/>
                  </a:lnTo>
                  <a:lnTo>
                    <a:pt x="1239012" y="297180"/>
                  </a:lnTo>
                  <a:lnTo>
                    <a:pt x="1239012" y="310896"/>
                  </a:lnTo>
                  <a:close/>
                </a:path>
                <a:path w="6186170" h="311150">
                  <a:moveTo>
                    <a:pt x="1143000" y="310896"/>
                  </a:moveTo>
                  <a:lnTo>
                    <a:pt x="1088136" y="310896"/>
                  </a:lnTo>
                  <a:lnTo>
                    <a:pt x="1088136" y="297180"/>
                  </a:lnTo>
                  <a:lnTo>
                    <a:pt x="1143000" y="297180"/>
                  </a:lnTo>
                  <a:lnTo>
                    <a:pt x="1143000" y="310896"/>
                  </a:lnTo>
                  <a:close/>
                </a:path>
                <a:path w="6186170" h="311150">
                  <a:moveTo>
                    <a:pt x="1046988" y="310896"/>
                  </a:moveTo>
                  <a:lnTo>
                    <a:pt x="992124" y="310896"/>
                  </a:lnTo>
                  <a:lnTo>
                    <a:pt x="992124" y="297180"/>
                  </a:lnTo>
                  <a:lnTo>
                    <a:pt x="1046988" y="297180"/>
                  </a:lnTo>
                  <a:lnTo>
                    <a:pt x="1046988" y="310896"/>
                  </a:lnTo>
                  <a:close/>
                </a:path>
                <a:path w="6186170" h="311150">
                  <a:moveTo>
                    <a:pt x="950976" y="310896"/>
                  </a:moveTo>
                  <a:lnTo>
                    <a:pt x="896112" y="310896"/>
                  </a:lnTo>
                  <a:lnTo>
                    <a:pt x="896112" y="297180"/>
                  </a:lnTo>
                  <a:lnTo>
                    <a:pt x="950976" y="297180"/>
                  </a:lnTo>
                  <a:lnTo>
                    <a:pt x="950976" y="310896"/>
                  </a:lnTo>
                  <a:close/>
                </a:path>
                <a:path w="6186170" h="311150">
                  <a:moveTo>
                    <a:pt x="854964" y="310896"/>
                  </a:moveTo>
                  <a:lnTo>
                    <a:pt x="800100" y="310896"/>
                  </a:lnTo>
                  <a:lnTo>
                    <a:pt x="800100" y="297180"/>
                  </a:lnTo>
                  <a:lnTo>
                    <a:pt x="854964" y="297180"/>
                  </a:lnTo>
                  <a:lnTo>
                    <a:pt x="854964" y="310896"/>
                  </a:lnTo>
                  <a:close/>
                </a:path>
                <a:path w="6186170" h="311150">
                  <a:moveTo>
                    <a:pt x="760476" y="310896"/>
                  </a:moveTo>
                  <a:lnTo>
                    <a:pt x="705612" y="310896"/>
                  </a:lnTo>
                  <a:lnTo>
                    <a:pt x="705612" y="297180"/>
                  </a:lnTo>
                  <a:lnTo>
                    <a:pt x="760476" y="297180"/>
                  </a:lnTo>
                  <a:lnTo>
                    <a:pt x="760476" y="310896"/>
                  </a:lnTo>
                  <a:close/>
                </a:path>
                <a:path w="6186170" h="311150">
                  <a:moveTo>
                    <a:pt x="664464" y="310896"/>
                  </a:moveTo>
                  <a:lnTo>
                    <a:pt x="609600" y="310896"/>
                  </a:lnTo>
                  <a:lnTo>
                    <a:pt x="609600" y="297180"/>
                  </a:lnTo>
                  <a:lnTo>
                    <a:pt x="664464" y="297180"/>
                  </a:lnTo>
                  <a:lnTo>
                    <a:pt x="664464" y="310896"/>
                  </a:lnTo>
                  <a:close/>
                </a:path>
                <a:path w="6186170" h="311150">
                  <a:moveTo>
                    <a:pt x="568452" y="310896"/>
                  </a:moveTo>
                  <a:lnTo>
                    <a:pt x="513588" y="310896"/>
                  </a:lnTo>
                  <a:lnTo>
                    <a:pt x="513588" y="297180"/>
                  </a:lnTo>
                  <a:lnTo>
                    <a:pt x="568452" y="297180"/>
                  </a:lnTo>
                  <a:lnTo>
                    <a:pt x="568452" y="310896"/>
                  </a:lnTo>
                  <a:close/>
                </a:path>
                <a:path w="6186170" h="311150">
                  <a:moveTo>
                    <a:pt x="472440" y="310896"/>
                  </a:moveTo>
                  <a:lnTo>
                    <a:pt x="417576" y="310896"/>
                  </a:lnTo>
                  <a:lnTo>
                    <a:pt x="417576" y="297180"/>
                  </a:lnTo>
                  <a:lnTo>
                    <a:pt x="472440" y="297180"/>
                  </a:lnTo>
                  <a:lnTo>
                    <a:pt x="472440" y="310896"/>
                  </a:lnTo>
                  <a:close/>
                </a:path>
                <a:path w="6186170" h="311150">
                  <a:moveTo>
                    <a:pt x="376428" y="310896"/>
                  </a:moveTo>
                  <a:lnTo>
                    <a:pt x="321564" y="310896"/>
                  </a:lnTo>
                  <a:lnTo>
                    <a:pt x="321564" y="297180"/>
                  </a:lnTo>
                  <a:lnTo>
                    <a:pt x="376428" y="297180"/>
                  </a:lnTo>
                  <a:lnTo>
                    <a:pt x="376428" y="310896"/>
                  </a:lnTo>
                  <a:close/>
                </a:path>
                <a:path w="6186170" h="311150">
                  <a:moveTo>
                    <a:pt x="280416" y="310896"/>
                  </a:moveTo>
                  <a:lnTo>
                    <a:pt x="225552" y="310896"/>
                  </a:lnTo>
                  <a:lnTo>
                    <a:pt x="225552" y="297180"/>
                  </a:lnTo>
                  <a:lnTo>
                    <a:pt x="280416" y="297180"/>
                  </a:lnTo>
                  <a:lnTo>
                    <a:pt x="280416" y="310896"/>
                  </a:lnTo>
                  <a:close/>
                </a:path>
                <a:path w="6186170" h="311150">
                  <a:moveTo>
                    <a:pt x="184404" y="310896"/>
                  </a:moveTo>
                  <a:lnTo>
                    <a:pt x="129540" y="310896"/>
                  </a:lnTo>
                  <a:lnTo>
                    <a:pt x="129540" y="297180"/>
                  </a:lnTo>
                  <a:lnTo>
                    <a:pt x="184404" y="297180"/>
                  </a:lnTo>
                  <a:lnTo>
                    <a:pt x="184404" y="310896"/>
                  </a:lnTo>
                  <a:close/>
                </a:path>
                <a:path w="6186170" h="311150">
                  <a:moveTo>
                    <a:pt x="88392" y="310896"/>
                  </a:moveTo>
                  <a:lnTo>
                    <a:pt x="33528" y="310896"/>
                  </a:lnTo>
                  <a:lnTo>
                    <a:pt x="33528" y="297180"/>
                  </a:lnTo>
                  <a:lnTo>
                    <a:pt x="88392" y="297180"/>
                  </a:lnTo>
                  <a:lnTo>
                    <a:pt x="88392" y="310896"/>
                  </a:lnTo>
                  <a:close/>
                </a:path>
              </a:pathLst>
            </a:custGeom>
            <a:solidFill>
              <a:srgbClr val="A4A4A4"/>
            </a:solidFill>
          </p:spPr>
          <p:txBody>
            <a:bodyPr wrap="square" lIns="0" tIns="0" rIns="0" bIns="0" rtlCol="0"/>
            <a:lstStyle/>
            <a:p>
              <a:endParaRPr sz="1632"/>
            </a:p>
          </p:txBody>
        </p:sp>
      </p:grpSp>
      <p:sp>
        <p:nvSpPr>
          <p:cNvPr id="34" name="object 34"/>
          <p:cNvSpPr txBox="1"/>
          <p:nvPr/>
        </p:nvSpPr>
        <p:spPr>
          <a:xfrm>
            <a:off x="1293212" y="5625978"/>
            <a:ext cx="5595806" cy="233232"/>
          </a:xfrm>
          <a:prstGeom prst="rect">
            <a:avLst/>
          </a:prstGeom>
        </p:spPr>
        <p:txBody>
          <a:bodyPr vert="horz" wrap="square" lIns="0" tIns="37428" rIns="0" bIns="0" rtlCol="0">
            <a:spAutoFit/>
          </a:bodyPr>
          <a:lstStyle/>
          <a:p>
            <a:pPr marL="104799">
              <a:spcBef>
                <a:spcPts val="295"/>
              </a:spcBef>
            </a:pPr>
            <a:r>
              <a:rPr sz="1270" b="1" spc="32" dirty="0">
                <a:solidFill>
                  <a:srgbClr val="3A3838"/>
                </a:solidFill>
                <a:latin typeface="Meiryo UI"/>
                <a:cs typeface="Meiryo UI"/>
              </a:rPr>
              <a:t>(３) 事業化の時期による評価 </a:t>
            </a:r>
            <a:r>
              <a:rPr sz="1270" b="1" spc="598" dirty="0">
                <a:solidFill>
                  <a:srgbClr val="3A3838"/>
                </a:solidFill>
                <a:latin typeface="Meiryo UI"/>
                <a:cs typeface="Meiryo UI"/>
              </a:rPr>
              <a:t>: </a:t>
            </a:r>
            <a:r>
              <a:rPr sz="1270" spc="-14" dirty="0">
                <a:solidFill>
                  <a:srgbClr val="3A3838"/>
                </a:solidFill>
                <a:latin typeface="Meiryo UI"/>
                <a:cs typeface="Meiryo UI"/>
              </a:rPr>
              <a:t>市として速やかに事業化をするか否か</a:t>
            </a:r>
            <a:endParaRPr sz="1270">
              <a:latin typeface="Meiryo UI"/>
              <a:cs typeface="Meiryo UI"/>
            </a:endParaRPr>
          </a:p>
        </p:txBody>
      </p:sp>
      <p:grpSp>
        <p:nvGrpSpPr>
          <p:cNvPr id="35" name="object 35"/>
          <p:cNvGrpSpPr/>
          <p:nvPr/>
        </p:nvGrpSpPr>
        <p:grpSpPr>
          <a:xfrm>
            <a:off x="1493597" y="6009474"/>
            <a:ext cx="5402330" cy="724380"/>
            <a:chOff x="271272" y="6627114"/>
            <a:chExt cx="5957570" cy="798830"/>
          </a:xfrm>
        </p:grpSpPr>
        <p:pic>
          <p:nvPicPr>
            <p:cNvPr id="36" name="object 36"/>
            <p:cNvPicPr/>
            <p:nvPr/>
          </p:nvPicPr>
          <p:blipFill>
            <a:blip r:embed="rId5" cstate="print"/>
            <a:stretch>
              <a:fillRect/>
            </a:stretch>
          </p:blipFill>
          <p:spPr>
            <a:xfrm>
              <a:off x="278892" y="6633972"/>
              <a:ext cx="5942076" cy="784860"/>
            </a:xfrm>
            <a:prstGeom prst="rect">
              <a:avLst/>
            </a:prstGeom>
          </p:spPr>
        </p:pic>
        <p:sp>
          <p:nvSpPr>
            <p:cNvPr id="37" name="object 37"/>
            <p:cNvSpPr/>
            <p:nvPr/>
          </p:nvSpPr>
          <p:spPr>
            <a:xfrm>
              <a:off x="3250692" y="6627876"/>
              <a:ext cx="0" cy="797560"/>
            </a:xfrm>
            <a:custGeom>
              <a:avLst/>
              <a:gdLst/>
              <a:ahLst/>
              <a:cxnLst/>
              <a:rect l="l" t="t" r="r" b="b"/>
              <a:pathLst>
                <a:path h="797559">
                  <a:moveTo>
                    <a:pt x="0" y="0"/>
                  </a:moveTo>
                  <a:lnTo>
                    <a:pt x="0" y="797052"/>
                  </a:lnTo>
                </a:path>
              </a:pathLst>
            </a:custGeom>
            <a:ln w="13716">
              <a:solidFill>
                <a:srgbClr val="FFFFFF"/>
              </a:solidFill>
            </a:ln>
          </p:spPr>
          <p:txBody>
            <a:bodyPr wrap="square" lIns="0" tIns="0" rIns="0" bIns="0" rtlCol="0"/>
            <a:lstStyle/>
            <a:p>
              <a:endParaRPr sz="1632"/>
            </a:p>
          </p:txBody>
        </p:sp>
        <p:sp>
          <p:nvSpPr>
            <p:cNvPr id="38" name="object 38"/>
            <p:cNvSpPr/>
            <p:nvPr/>
          </p:nvSpPr>
          <p:spPr>
            <a:xfrm>
              <a:off x="271272" y="6963156"/>
              <a:ext cx="5957570" cy="0"/>
            </a:xfrm>
            <a:custGeom>
              <a:avLst/>
              <a:gdLst/>
              <a:ahLst/>
              <a:cxnLst/>
              <a:rect l="l" t="t" r="r" b="b"/>
              <a:pathLst>
                <a:path w="5957570">
                  <a:moveTo>
                    <a:pt x="0" y="0"/>
                  </a:moveTo>
                  <a:lnTo>
                    <a:pt x="5957316" y="0"/>
                  </a:lnTo>
                </a:path>
              </a:pathLst>
            </a:custGeom>
            <a:ln w="41148">
              <a:solidFill>
                <a:srgbClr val="FFFFFF"/>
              </a:solidFill>
            </a:ln>
          </p:spPr>
          <p:txBody>
            <a:bodyPr wrap="square" lIns="0" tIns="0" rIns="0" bIns="0" rtlCol="0"/>
            <a:lstStyle/>
            <a:p>
              <a:endParaRPr sz="1632"/>
            </a:p>
          </p:txBody>
        </p:sp>
        <p:sp>
          <p:nvSpPr>
            <p:cNvPr id="39" name="object 39"/>
            <p:cNvSpPr/>
            <p:nvPr/>
          </p:nvSpPr>
          <p:spPr>
            <a:xfrm>
              <a:off x="278892" y="6627876"/>
              <a:ext cx="0" cy="797560"/>
            </a:xfrm>
            <a:custGeom>
              <a:avLst/>
              <a:gdLst/>
              <a:ahLst/>
              <a:cxnLst/>
              <a:rect l="l" t="t" r="r" b="b"/>
              <a:pathLst>
                <a:path h="797559">
                  <a:moveTo>
                    <a:pt x="0" y="0"/>
                  </a:moveTo>
                  <a:lnTo>
                    <a:pt x="0" y="797052"/>
                  </a:lnTo>
                </a:path>
              </a:pathLst>
            </a:custGeom>
            <a:ln w="13716">
              <a:solidFill>
                <a:srgbClr val="FFFFFF"/>
              </a:solidFill>
            </a:ln>
          </p:spPr>
          <p:txBody>
            <a:bodyPr wrap="square" lIns="0" tIns="0" rIns="0" bIns="0" rtlCol="0"/>
            <a:lstStyle/>
            <a:p>
              <a:endParaRPr sz="1632"/>
            </a:p>
          </p:txBody>
        </p:sp>
        <p:sp>
          <p:nvSpPr>
            <p:cNvPr id="40" name="object 40"/>
            <p:cNvSpPr/>
            <p:nvPr/>
          </p:nvSpPr>
          <p:spPr>
            <a:xfrm>
              <a:off x="6220968" y="6627876"/>
              <a:ext cx="0" cy="797560"/>
            </a:xfrm>
            <a:custGeom>
              <a:avLst/>
              <a:gdLst/>
              <a:ahLst/>
              <a:cxnLst/>
              <a:rect l="l" t="t" r="r" b="b"/>
              <a:pathLst>
                <a:path h="797559">
                  <a:moveTo>
                    <a:pt x="0" y="0"/>
                  </a:moveTo>
                  <a:lnTo>
                    <a:pt x="0" y="797052"/>
                  </a:lnTo>
                </a:path>
              </a:pathLst>
            </a:custGeom>
            <a:ln w="13716">
              <a:solidFill>
                <a:srgbClr val="FFFFFF"/>
              </a:solidFill>
            </a:ln>
          </p:spPr>
          <p:txBody>
            <a:bodyPr wrap="square" lIns="0" tIns="0" rIns="0" bIns="0" rtlCol="0"/>
            <a:lstStyle/>
            <a:p>
              <a:endParaRPr sz="1632"/>
            </a:p>
          </p:txBody>
        </p:sp>
        <p:sp>
          <p:nvSpPr>
            <p:cNvPr id="41" name="object 41"/>
            <p:cNvSpPr/>
            <p:nvPr/>
          </p:nvSpPr>
          <p:spPr>
            <a:xfrm>
              <a:off x="271272" y="6633972"/>
              <a:ext cx="5957570" cy="0"/>
            </a:xfrm>
            <a:custGeom>
              <a:avLst/>
              <a:gdLst/>
              <a:ahLst/>
              <a:cxnLst/>
              <a:rect l="l" t="t" r="r" b="b"/>
              <a:pathLst>
                <a:path w="5957570">
                  <a:moveTo>
                    <a:pt x="0" y="0"/>
                  </a:moveTo>
                  <a:lnTo>
                    <a:pt x="5957316" y="0"/>
                  </a:lnTo>
                </a:path>
              </a:pathLst>
            </a:custGeom>
            <a:ln w="13716">
              <a:solidFill>
                <a:srgbClr val="FFFFFF"/>
              </a:solidFill>
            </a:ln>
          </p:spPr>
          <p:txBody>
            <a:bodyPr wrap="square" lIns="0" tIns="0" rIns="0" bIns="0" rtlCol="0"/>
            <a:lstStyle/>
            <a:p>
              <a:endParaRPr sz="1632"/>
            </a:p>
          </p:txBody>
        </p:sp>
        <p:sp>
          <p:nvSpPr>
            <p:cNvPr id="42" name="object 42"/>
            <p:cNvSpPr/>
            <p:nvPr/>
          </p:nvSpPr>
          <p:spPr>
            <a:xfrm>
              <a:off x="271272" y="7418832"/>
              <a:ext cx="5957570" cy="0"/>
            </a:xfrm>
            <a:custGeom>
              <a:avLst/>
              <a:gdLst/>
              <a:ahLst/>
              <a:cxnLst/>
              <a:rect l="l" t="t" r="r" b="b"/>
              <a:pathLst>
                <a:path w="5957570">
                  <a:moveTo>
                    <a:pt x="0" y="0"/>
                  </a:moveTo>
                  <a:lnTo>
                    <a:pt x="5957316" y="0"/>
                  </a:lnTo>
                </a:path>
              </a:pathLst>
            </a:custGeom>
            <a:ln w="13716">
              <a:solidFill>
                <a:srgbClr val="FFFFFF"/>
              </a:solidFill>
            </a:ln>
          </p:spPr>
          <p:txBody>
            <a:bodyPr wrap="square" lIns="0" tIns="0" rIns="0" bIns="0" rtlCol="0"/>
            <a:lstStyle/>
            <a:p>
              <a:endParaRPr sz="1632"/>
            </a:p>
          </p:txBody>
        </p:sp>
      </p:grpSp>
      <p:sp>
        <p:nvSpPr>
          <p:cNvPr id="43" name="object 43"/>
          <p:cNvSpPr txBox="1"/>
          <p:nvPr/>
        </p:nvSpPr>
        <p:spPr>
          <a:xfrm>
            <a:off x="1931247" y="6048534"/>
            <a:ext cx="1832831" cy="558582"/>
          </a:xfrm>
          <a:prstGeom prst="rect">
            <a:avLst/>
          </a:prstGeom>
        </p:spPr>
        <p:txBody>
          <a:bodyPr vert="horz" wrap="square" lIns="0" tIns="12668" rIns="0" bIns="0" rtlCol="0">
            <a:spAutoFit/>
          </a:bodyPr>
          <a:lstStyle/>
          <a:p>
            <a:pPr marL="8637" algn="ctr">
              <a:spcBef>
                <a:spcPts val="100"/>
              </a:spcBef>
            </a:pPr>
            <a:r>
              <a:rPr sz="1360" b="1" spc="-59" dirty="0">
                <a:solidFill>
                  <a:srgbClr val="FFFFFF"/>
                </a:solidFill>
                <a:latin typeface="Meiryo UI"/>
                <a:cs typeface="Meiryo UI"/>
              </a:rPr>
              <a:t>する</a:t>
            </a:r>
            <a:endParaRPr sz="1360">
              <a:latin typeface="Meiryo UI"/>
              <a:cs typeface="Meiryo UI"/>
            </a:endParaRPr>
          </a:p>
          <a:p>
            <a:pPr algn="ctr">
              <a:spcBef>
                <a:spcPts val="1093"/>
              </a:spcBef>
            </a:pPr>
            <a:r>
              <a:rPr sz="1270" spc="-14" dirty="0">
                <a:solidFill>
                  <a:srgbClr val="3A3838"/>
                </a:solidFill>
                <a:latin typeface="Meiryo UI"/>
                <a:cs typeface="Meiryo UI"/>
              </a:rPr>
              <a:t>市として速やかに事業化する</a:t>
            </a:r>
            <a:endParaRPr sz="1270">
              <a:latin typeface="Meiryo UI"/>
              <a:cs typeface="Meiryo UI"/>
            </a:endParaRPr>
          </a:p>
        </p:txBody>
      </p:sp>
      <p:sp>
        <p:nvSpPr>
          <p:cNvPr id="44" name="object 44"/>
          <p:cNvSpPr txBox="1"/>
          <p:nvPr/>
        </p:nvSpPr>
        <p:spPr>
          <a:xfrm>
            <a:off x="4659000" y="5985909"/>
            <a:ext cx="1757398" cy="708649"/>
          </a:xfrm>
          <a:prstGeom prst="rect">
            <a:avLst/>
          </a:prstGeom>
        </p:spPr>
        <p:txBody>
          <a:bodyPr vert="horz" wrap="square" lIns="0" tIns="75432" rIns="0" bIns="0" rtlCol="0">
            <a:spAutoFit/>
          </a:bodyPr>
          <a:lstStyle/>
          <a:p>
            <a:pPr marL="8637" algn="ctr">
              <a:spcBef>
                <a:spcPts val="594"/>
              </a:spcBef>
            </a:pPr>
            <a:r>
              <a:rPr sz="1360" b="1" spc="-68" dirty="0">
                <a:solidFill>
                  <a:srgbClr val="FFFFFF"/>
                </a:solidFill>
                <a:latin typeface="Meiryo UI"/>
                <a:cs typeface="Meiryo UI"/>
              </a:rPr>
              <a:t>しない</a:t>
            </a:r>
            <a:endParaRPr sz="1360">
              <a:latin typeface="Meiryo UI"/>
              <a:cs typeface="Meiryo UI"/>
            </a:endParaRPr>
          </a:p>
          <a:p>
            <a:pPr marL="11516" marR="4607" algn="ctr">
              <a:lnSpc>
                <a:spcPts val="1270"/>
              </a:lnSpc>
              <a:spcBef>
                <a:spcPts val="712"/>
              </a:spcBef>
            </a:pPr>
            <a:r>
              <a:rPr sz="1270" spc="-14" dirty="0">
                <a:solidFill>
                  <a:srgbClr val="3A3838"/>
                </a:solidFill>
                <a:latin typeface="Meiryo UI"/>
                <a:cs typeface="Meiryo UI"/>
              </a:rPr>
              <a:t>当分の間、事業化はしない</a:t>
            </a:r>
            <a:r>
              <a:rPr sz="1270" spc="-45" dirty="0">
                <a:solidFill>
                  <a:srgbClr val="3A3838"/>
                </a:solidFill>
                <a:latin typeface="Meiryo UI"/>
                <a:cs typeface="Meiryo UI"/>
              </a:rPr>
              <a:t> </a:t>
            </a:r>
            <a:r>
              <a:rPr sz="1270" spc="-9" dirty="0">
                <a:solidFill>
                  <a:srgbClr val="3A3838"/>
                </a:solidFill>
                <a:latin typeface="Meiryo UI"/>
                <a:cs typeface="Meiryo UI"/>
              </a:rPr>
              <a:t>(実施時期未定も含む)</a:t>
            </a:r>
            <a:endParaRPr sz="1270">
              <a:latin typeface="Meiryo UI"/>
              <a:cs typeface="Meiryo UI"/>
            </a:endParaRPr>
          </a:p>
        </p:txBody>
      </p:sp>
      <p:grpSp>
        <p:nvGrpSpPr>
          <p:cNvPr id="45" name="object 45"/>
          <p:cNvGrpSpPr/>
          <p:nvPr/>
        </p:nvGrpSpPr>
        <p:grpSpPr>
          <a:xfrm>
            <a:off x="6903989" y="4152804"/>
            <a:ext cx="3822860" cy="2496174"/>
            <a:chOff x="6237732" y="4579620"/>
            <a:chExt cx="4215765" cy="2752725"/>
          </a:xfrm>
        </p:grpSpPr>
        <p:pic>
          <p:nvPicPr>
            <p:cNvPr id="46" name="object 46"/>
            <p:cNvPicPr/>
            <p:nvPr/>
          </p:nvPicPr>
          <p:blipFill>
            <a:blip r:embed="rId6" cstate="print"/>
            <a:stretch>
              <a:fillRect/>
            </a:stretch>
          </p:blipFill>
          <p:spPr>
            <a:xfrm>
              <a:off x="6240779" y="5687568"/>
              <a:ext cx="278891" cy="665987"/>
            </a:xfrm>
            <a:prstGeom prst="rect">
              <a:avLst/>
            </a:prstGeom>
          </p:spPr>
        </p:pic>
        <p:sp>
          <p:nvSpPr>
            <p:cNvPr id="47" name="object 47"/>
            <p:cNvSpPr/>
            <p:nvPr/>
          </p:nvSpPr>
          <p:spPr>
            <a:xfrm>
              <a:off x="6237732" y="5670804"/>
              <a:ext cx="287020" cy="699770"/>
            </a:xfrm>
            <a:custGeom>
              <a:avLst/>
              <a:gdLst/>
              <a:ahLst/>
              <a:cxnLst/>
              <a:rect l="l" t="t" r="r" b="b"/>
              <a:pathLst>
                <a:path w="287020" h="699770">
                  <a:moveTo>
                    <a:pt x="140208" y="18288"/>
                  </a:moveTo>
                  <a:lnTo>
                    <a:pt x="140208" y="0"/>
                  </a:lnTo>
                  <a:lnTo>
                    <a:pt x="147235" y="16764"/>
                  </a:lnTo>
                  <a:lnTo>
                    <a:pt x="146304" y="16764"/>
                  </a:lnTo>
                  <a:lnTo>
                    <a:pt x="140208" y="18288"/>
                  </a:lnTo>
                  <a:close/>
                </a:path>
                <a:path w="287020" h="699770">
                  <a:moveTo>
                    <a:pt x="146304" y="32891"/>
                  </a:moveTo>
                  <a:lnTo>
                    <a:pt x="140208" y="18288"/>
                  </a:lnTo>
                  <a:lnTo>
                    <a:pt x="146304" y="16764"/>
                  </a:lnTo>
                  <a:lnTo>
                    <a:pt x="146304" y="32891"/>
                  </a:lnTo>
                  <a:close/>
                </a:path>
                <a:path w="287020" h="699770">
                  <a:moveTo>
                    <a:pt x="278257" y="348999"/>
                  </a:moveTo>
                  <a:lnTo>
                    <a:pt x="146304" y="32891"/>
                  </a:lnTo>
                  <a:lnTo>
                    <a:pt x="146304" y="16764"/>
                  </a:lnTo>
                  <a:lnTo>
                    <a:pt x="147235" y="16764"/>
                  </a:lnTo>
                  <a:lnTo>
                    <a:pt x="285873" y="347472"/>
                  </a:lnTo>
                  <a:lnTo>
                    <a:pt x="278892" y="347472"/>
                  </a:lnTo>
                  <a:lnTo>
                    <a:pt x="278257" y="348999"/>
                  </a:lnTo>
                  <a:close/>
                </a:path>
                <a:path w="287020" h="699770">
                  <a:moveTo>
                    <a:pt x="140208" y="182880"/>
                  </a:moveTo>
                  <a:lnTo>
                    <a:pt x="140208" y="18288"/>
                  </a:lnTo>
                  <a:lnTo>
                    <a:pt x="146304" y="32891"/>
                  </a:lnTo>
                  <a:lnTo>
                    <a:pt x="146304" y="179832"/>
                  </a:lnTo>
                  <a:lnTo>
                    <a:pt x="143256" y="179832"/>
                  </a:lnTo>
                  <a:lnTo>
                    <a:pt x="140208" y="182880"/>
                  </a:lnTo>
                  <a:close/>
                </a:path>
                <a:path w="287020" h="699770">
                  <a:moveTo>
                    <a:pt x="140208" y="519684"/>
                  </a:moveTo>
                  <a:lnTo>
                    <a:pt x="0" y="519684"/>
                  </a:lnTo>
                  <a:lnTo>
                    <a:pt x="0" y="179832"/>
                  </a:lnTo>
                  <a:lnTo>
                    <a:pt x="140208" y="179832"/>
                  </a:lnTo>
                  <a:lnTo>
                    <a:pt x="140208" y="182880"/>
                  </a:lnTo>
                  <a:lnTo>
                    <a:pt x="7620" y="182880"/>
                  </a:lnTo>
                  <a:lnTo>
                    <a:pt x="3048" y="185928"/>
                  </a:lnTo>
                  <a:lnTo>
                    <a:pt x="7620" y="185928"/>
                  </a:lnTo>
                  <a:lnTo>
                    <a:pt x="7620" y="512064"/>
                  </a:lnTo>
                  <a:lnTo>
                    <a:pt x="3048" y="512064"/>
                  </a:lnTo>
                  <a:lnTo>
                    <a:pt x="7620" y="515112"/>
                  </a:lnTo>
                  <a:lnTo>
                    <a:pt x="140208" y="515112"/>
                  </a:lnTo>
                  <a:lnTo>
                    <a:pt x="140208" y="519684"/>
                  </a:lnTo>
                  <a:close/>
                </a:path>
                <a:path w="287020" h="699770">
                  <a:moveTo>
                    <a:pt x="146304" y="185928"/>
                  </a:moveTo>
                  <a:lnTo>
                    <a:pt x="7620" y="185928"/>
                  </a:lnTo>
                  <a:lnTo>
                    <a:pt x="7620" y="182880"/>
                  </a:lnTo>
                  <a:lnTo>
                    <a:pt x="140208" y="182880"/>
                  </a:lnTo>
                  <a:lnTo>
                    <a:pt x="143256" y="179832"/>
                  </a:lnTo>
                  <a:lnTo>
                    <a:pt x="146304" y="179832"/>
                  </a:lnTo>
                  <a:lnTo>
                    <a:pt x="146304" y="185928"/>
                  </a:lnTo>
                  <a:close/>
                </a:path>
                <a:path w="287020" h="699770">
                  <a:moveTo>
                    <a:pt x="7620" y="185928"/>
                  </a:moveTo>
                  <a:lnTo>
                    <a:pt x="3048" y="185928"/>
                  </a:lnTo>
                  <a:lnTo>
                    <a:pt x="7620" y="182880"/>
                  </a:lnTo>
                  <a:lnTo>
                    <a:pt x="7620" y="185928"/>
                  </a:lnTo>
                  <a:close/>
                </a:path>
                <a:path w="287020" h="699770">
                  <a:moveTo>
                    <a:pt x="278892" y="350520"/>
                  </a:moveTo>
                  <a:lnTo>
                    <a:pt x="278258" y="348996"/>
                  </a:lnTo>
                  <a:lnTo>
                    <a:pt x="278892" y="347472"/>
                  </a:lnTo>
                  <a:lnTo>
                    <a:pt x="278892" y="350520"/>
                  </a:lnTo>
                  <a:close/>
                </a:path>
                <a:path w="287020" h="699770">
                  <a:moveTo>
                    <a:pt x="285875" y="350520"/>
                  </a:moveTo>
                  <a:lnTo>
                    <a:pt x="278892" y="350520"/>
                  </a:lnTo>
                  <a:lnTo>
                    <a:pt x="278892" y="347472"/>
                  </a:lnTo>
                  <a:lnTo>
                    <a:pt x="285873" y="347472"/>
                  </a:lnTo>
                  <a:lnTo>
                    <a:pt x="286510" y="348999"/>
                  </a:lnTo>
                  <a:lnTo>
                    <a:pt x="285875" y="350520"/>
                  </a:lnTo>
                  <a:close/>
                </a:path>
                <a:path w="287020" h="699770">
                  <a:moveTo>
                    <a:pt x="147205" y="682752"/>
                  </a:moveTo>
                  <a:lnTo>
                    <a:pt x="146304" y="682752"/>
                  </a:lnTo>
                  <a:lnTo>
                    <a:pt x="146304" y="666557"/>
                  </a:lnTo>
                  <a:lnTo>
                    <a:pt x="278257" y="348999"/>
                  </a:lnTo>
                  <a:lnTo>
                    <a:pt x="278892" y="350520"/>
                  </a:lnTo>
                  <a:lnTo>
                    <a:pt x="285875" y="350520"/>
                  </a:lnTo>
                  <a:lnTo>
                    <a:pt x="147205" y="682752"/>
                  </a:lnTo>
                  <a:close/>
                </a:path>
                <a:path w="287020" h="699770">
                  <a:moveTo>
                    <a:pt x="7620" y="515112"/>
                  </a:moveTo>
                  <a:lnTo>
                    <a:pt x="3048" y="512064"/>
                  </a:lnTo>
                  <a:lnTo>
                    <a:pt x="7620" y="512064"/>
                  </a:lnTo>
                  <a:lnTo>
                    <a:pt x="7620" y="515112"/>
                  </a:lnTo>
                  <a:close/>
                </a:path>
                <a:path w="287020" h="699770">
                  <a:moveTo>
                    <a:pt x="146304" y="519684"/>
                  </a:moveTo>
                  <a:lnTo>
                    <a:pt x="143256" y="519684"/>
                  </a:lnTo>
                  <a:lnTo>
                    <a:pt x="140208" y="515112"/>
                  </a:lnTo>
                  <a:lnTo>
                    <a:pt x="7620" y="515112"/>
                  </a:lnTo>
                  <a:lnTo>
                    <a:pt x="7620" y="512064"/>
                  </a:lnTo>
                  <a:lnTo>
                    <a:pt x="146304" y="512064"/>
                  </a:lnTo>
                  <a:lnTo>
                    <a:pt x="146304" y="519684"/>
                  </a:lnTo>
                  <a:close/>
                </a:path>
                <a:path w="287020" h="699770">
                  <a:moveTo>
                    <a:pt x="140208" y="681228"/>
                  </a:moveTo>
                  <a:lnTo>
                    <a:pt x="140208" y="515112"/>
                  </a:lnTo>
                  <a:lnTo>
                    <a:pt x="143256" y="519684"/>
                  </a:lnTo>
                  <a:lnTo>
                    <a:pt x="146304" y="519684"/>
                  </a:lnTo>
                  <a:lnTo>
                    <a:pt x="146304" y="666557"/>
                  </a:lnTo>
                  <a:lnTo>
                    <a:pt x="140208" y="681228"/>
                  </a:lnTo>
                  <a:close/>
                </a:path>
                <a:path w="287020" h="699770">
                  <a:moveTo>
                    <a:pt x="146304" y="682752"/>
                  </a:moveTo>
                  <a:lnTo>
                    <a:pt x="140208" y="681228"/>
                  </a:lnTo>
                  <a:lnTo>
                    <a:pt x="146304" y="666557"/>
                  </a:lnTo>
                  <a:lnTo>
                    <a:pt x="146304" y="682752"/>
                  </a:lnTo>
                  <a:close/>
                </a:path>
                <a:path w="287020" h="699770">
                  <a:moveTo>
                    <a:pt x="140208" y="699516"/>
                  </a:moveTo>
                  <a:lnTo>
                    <a:pt x="140208" y="681228"/>
                  </a:lnTo>
                  <a:lnTo>
                    <a:pt x="146304" y="682752"/>
                  </a:lnTo>
                  <a:lnTo>
                    <a:pt x="147205" y="682752"/>
                  </a:lnTo>
                  <a:lnTo>
                    <a:pt x="140208" y="699516"/>
                  </a:lnTo>
                  <a:close/>
                </a:path>
              </a:pathLst>
            </a:custGeom>
            <a:solidFill>
              <a:srgbClr val="FFC000"/>
            </a:solidFill>
          </p:spPr>
          <p:txBody>
            <a:bodyPr wrap="square" lIns="0" tIns="0" rIns="0" bIns="0" rtlCol="0"/>
            <a:lstStyle/>
            <a:p>
              <a:endParaRPr sz="1632"/>
            </a:p>
          </p:txBody>
        </p:sp>
        <p:sp>
          <p:nvSpPr>
            <p:cNvPr id="48" name="object 48"/>
            <p:cNvSpPr/>
            <p:nvPr/>
          </p:nvSpPr>
          <p:spPr>
            <a:xfrm>
              <a:off x="6541008" y="4585716"/>
              <a:ext cx="3904615" cy="2738755"/>
            </a:xfrm>
            <a:custGeom>
              <a:avLst/>
              <a:gdLst/>
              <a:ahLst/>
              <a:cxnLst/>
              <a:rect l="l" t="t" r="r" b="b"/>
              <a:pathLst>
                <a:path w="3904615" h="2738754">
                  <a:moveTo>
                    <a:pt x="3904488" y="2738628"/>
                  </a:moveTo>
                  <a:lnTo>
                    <a:pt x="0" y="2738628"/>
                  </a:lnTo>
                  <a:lnTo>
                    <a:pt x="0" y="0"/>
                  </a:lnTo>
                  <a:lnTo>
                    <a:pt x="3904488" y="0"/>
                  </a:lnTo>
                  <a:lnTo>
                    <a:pt x="3904488" y="2738628"/>
                  </a:lnTo>
                  <a:close/>
                </a:path>
              </a:pathLst>
            </a:custGeom>
            <a:solidFill>
              <a:srgbClr val="FFFFCC"/>
            </a:solidFill>
          </p:spPr>
          <p:txBody>
            <a:bodyPr wrap="square" lIns="0" tIns="0" rIns="0" bIns="0" rtlCol="0"/>
            <a:lstStyle/>
            <a:p>
              <a:endParaRPr sz="1632"/>
            </a:p>
          </p:txBody>
        </p:sp>
        <p:sp>
          <p:nvSpPr>
            <p:cNvPr id="49" name="object 49"/>
            <p:cNvSpPr/>
            <p:nvPr/>
          </p:nvSpPr>
          <p:spPr>
            <a:xfrm>
              <a:off x="6533387" y="4579620"/>
              <a:ext cx="3919854" cy="2752725"/>
            </a:xfrm>
            <a:custGeom>
              <a:avLst/>
              <a:gdLst/>
              <a:ahLst/>
              <a:cxnLst/>
              <a:rect l="l" t="t" r="r" b="b"/>
              <a:pathLst>
                <a:path w="3919854" h="2752725">
                  <a:moveTo>
                    <a:pt x="3919728" y="2752344"/>
                  </a:moveTo>
                  <a:lnTo>
                    <a:pt x="0" y="2752344"/>
                  </a:lnTo>
                  <a:lnTo>
                    <a:pt x="0" y="0"/>
                  </a:lnTo>
                  <a:lnTo>
                    <a:pt x="3919728" y="0"/>
                  </a:lnTo>
                  <a:lnTo>
                    <a:pt x="3919728" y="6096"/>
                  </a:lnTo>
                  <a:lnTo>
                    <a:pt x="13716" y="6096"/>
                  </a:lnTo>
                  <a:lnTo>
                    <a:pt x="7620" y="13716"/>
                  </a:lnTo>
                  <a:lnTo>
                    <a:pt x="13716" y="13716"/>
                  </a:lnTo>
                  <a:lnTo>
                    <a:pt x="13716" y="2738628"/>
                  </a:lnTo>
                  <a:lnTo>
                    <a:pt x="7620" y="2738628"/>
                  </a:lnTo>
                  <a:lnTo>
                    <a:pt x="13716" y="2744724"/>
                  </a:lnTo>
                  <a:lnTo>
                    <a:pt x="3919728" y="2744724"/>
                  </a:lnTo>
                  <a:lnTo>
                    <a:pt x="3919728" y="2752344"/>
                  </a:lnTo>
                  <a:close/>
                </a:path>
                <a:path w="3919854" h="2752725">
                  <a:moveTo>
                    <a:pt x="13716" y="13716"/>
                  </a:moveTo>
                  <a:lnTo>
                    <a:pt x="7620" y="13716"/>
                  </a:lnTo>
                  <a:lnTo>
                    <a:pt x="13716" y="6096"/>
                  </a:lnTo>
                  <a:lnTo>
                    <a:pt x="13716" y="13716"/>
                  </a:lnTo>
                  <a:close/>
                </a:path>
                <a:path w="3919854" h="2752725">
                  <a:moveTo>
                    <a:pt x="3906012" y="13716"/>
                  </a:moveTo>
                  <a:lnTo>
                    <a:pt x="13716" y="13716"/>
                  </a:lnTo>
                  <a:lnTo>
                    <a:pt x="13716" y="6096"/>
                  </a:lnTo>
                  <a:lnTo>
                    <a:pt x="3906012" y="6096"/>
                  </a:lnTo>
                  <a:lnTo>
                    <a:pt x="3906012" y="13716"/>
                  </a:lnTo>
                  <a:close/>
                </a:path>
                <a:path w="3919854" h="2752725">
                  <a:moveTo>
                    <a:pt x="3906012" y="2744724"/>
                  </a:moveTo>
                  <a:lnTo>
                    <a:pt x="3906012" y="6096"/>
                  </a:lnTo>
                  <a:lnTo>
                    <a:pt x="3912108" y="13716"/>
                  </a:lnTo>
                  <a:lnTo>
                    <a:pt x="3919728" y="13716"/>
                  </a:lnTo>
                  <a:lnTo>
                    <a:pt x="3919728" y="2738628"/>
                  </a:lnTo>
                  <a:lnTo>
                    <a:pt x="3912108" y="2738628"/>
                  </a:lnTo>
                  <a:lnTo>
                    <a:pt x="3906012" y="2744724"/>
                  </a:lnTo>
                  <a:close/>
                </a:path>
                <a:path w="3919854" h="2752725">
                  <a:moveTo>
                    <a:pt x="3919728" y="13716"/>
                  </a:moveTo>
                  <a:lnTo>
                    <a:pt x="3912108" y="13716"/>
                  </a:lnTo>
                  <a:lnTo>
                    <a:pt x="3906012" y="6096"/>
                  </a:lnTo>
                  <a:lnTo>
                    <a:pt x="3919728" y="6096"/>
                  </a:lnTo>
                  <a:lnTo>
                    <a:pt x="3919728" y="13716"/>
                  </a:lnTo>
                  <a:close/>
                </a:path>
                <a:path w="3919854" h="2752725">
                  <a:moveTo>
                    <a:pt x="13716" y="2744724"/>
                  </a:moveTo>
                  <a:lnTo>
                    <a:pt x="7620" y="2738628"/>
                  </a:lnTo>
                  <a:lnTo>
                    <a:pt x="13716" y="2738628"/>
                  </a:lnTo>
                  <a:lnTo>
                    <a:pt x="13716" y="2744724"/>
                  </a:lnTo>
                  <a:close/>
                </a:path>
                <a:path w="3919854" h="2752725">
                  <a:moveTo>
                    <a:pt x="3906012" y="2744724"/>
                  </a:moveTo>
                  <a:lnTo>
                    <a:pt x="13716" y="2744724"/>
                  </a:lnTo>
                  <a:lnTo>
                    <a:pt x="13716" y="2738628"/>
                  </a:lnTo>
                  <a:lnTo>
                    <a:pt x="3906012" y="2738628"/>
                  </a:lnTo>
                  <a:lnTo>
                    <a:pt x="3906012" y="2744724"/>
                  </a:lnTo>
                  <a:close/>
                </a:path>
                <a:path w="3919854" h="2752725">
                  <a:moveTo>
                    <a:pt x="3919728" y="2744724"/>
                  </a:moveTo>
                  <a:lnTo>
                    <a:pt x="3906012" y="2744724"/>
                  </a:lnTo>
                  <a:lnTo>
                    <a:pt x="3912108" y="2738628"/>
                  </a:lnTo>
                  <a:lnTo>
                    <a:pt x="3919728" y="2738628"/>
                  </a:lnTo>
                  <a:lnTo>
                    <a:pt x="3919728" y="2744724"/>
                  </a:lnTo>
                  <a:close/>
                </a:path>
              </a:pathLst>
            </a:custGeom>
            <a:solidFill>
              <a:srgbClr val="A4A4A4"/>
            </a:solidFill>
          </p:spPr>
          <p:txBody>
            <a:bodyPr wrap="square" lIns="0" tIns="0" rIns="0" bIns="0" rtlCol="0"/>
            <a:lstStyle/>
            <a:p>
              <a:endParaRPr sz="1632"/>
            </a:p>
          </p:txBody>
        </p:sp>
      </p:grpSp>
      <p:graphicFrame>
        <p:nvGraphicFramePr>
          <p:cNvPr id="50" name="object 50"/>
          <p:cNvGraphicFramePr>
            <a:graphicFrameLocks noGrp="1"/>
          </p:cNvGraphicFramePr>
          <p:nvPr/>
        </p:nvGraphicFramePr>
        <p:xfrm>
          <a:off x="7268137" y="4351116"/>
          <a:ext cx="3347807" cy="2463886"/>
        </p:xfrm>
        <a:graphic>
          <a:graphicData uri="http://schemas.openxmlformats.org/drawingml/2006/table">
            <a:tbl>
              <a:tblPr firstRow="1" bandRow="1">
                <a:tableStyleId>{2D5ABB26-0587-4C30-8999-92F81FD0307C}</a:tableStyleId>
              </a:tblPr>
              <a:tblGrid>
                <a:gridCol w="464109">
                  <a:extLst>
                    <a:ext uri="{9D8B030D-6E8A-4147-A177-3AD203B41FA5}">
                      <a16:colId xmlns:a16="http://schemas.microsoft.com/office/drawing/2014/main" val="20000"/>
                    </a:ext>
                  </a:extLst>
                </a:gridCol>
                <a:gridCol w="1113633">
                  <a:extLst>
                    <a:ext uri="{9D8B030D-6E8A-4147-A177-3AD203B41FA5}">
                      <a16:colId xmlns:a16="http://schemas.microsoft.com/office/drawing/2014/main" val="20001"/>
                    </a:ext>
                  </a:extLst>
                </a:gridCol>
                <a:gridCol w="627066">
                  <a:extLst>
                    <a:ext uri="{9D8B030D-6E8A-4147-A177-3AD203B41FA5}">
                      <a16:colId xmlns:a16="http://schemas.microsoft.com/office/drawing/2014/main" val="20002"/>
                    </a:ext>
                  </a:extLst>
                </a:gridCol>
                <a:gridCol w="628218">
                  <a:extLst>
                    <a:ext uri="{9D8B030D-6E8A-4147-A177-3AD203B41FA5}">
                      <a16:colId xmlns:a16="http://schemas.microsoft.com/office/drawing/2014/main" val="20003"/>
                    </a:ext>
                  </a:extLst>
                </a:gridCol>
                <a:gridCol w="514781">
                  <a:extLst>
                    <a:ext uri="{9D8B030D-6E8A-4147-A177-3AD203B41FA5}">
                      <a16:colId xmlns:a16="http://schemas.microsoft.com/office/drawing/2014/main" val="20004"/>
                    </a:ext>
                  </a:extLst>
                </a:gridCol>
              </a:tblGrid>
              <a:tr h="386373">
                <a:tc>
                  <a:txBody>
                    <a:bodyPr/>
                    <a:lstStyle/>
                    <a:p>
                      <a:pPr algn="ctr">
                        <a:lnSpc>
                          <a:spcPct val="100000"/>
                        </a:lnSpc>
                        <a:spcBef>
                          <a:spcPts val="840"/>
                        </a:spcBef>
                      </a:pPr>
                      <a:r>
                        <a:rPr sz="1300" b="1" spc="-25" dirty="0">
                          <a:solidFill>
                            <a:srgbClr val="FFFFFF"/>
                          </a:solidFill>
                          <a:latin typeface="Meiryo UI"/>
                          <a:cs typeface="Meiryo UI"/>
                        </a:rPr>
                        <a:t>(1)</a:t>
                      </a:r>
                      <a:endParaRPr sz="1300">
                        <a:latin typeface="Meiryo UI"/>
                        <a:cs typeface="Meiryo UI"/>
                      </a:endParaRPr>
                    </a:p>
                  </a:txBody>
                  <a:tcPr marL="0" marR="0" marT="96738"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2D508E"/>
                    </a:solidFill>
                  </a:tcPr>
                </a:tc>
                <a:tc gridSpan="3">
                  <a:txBody>
                    <a:bodyPr/>
                    <a:lstStyle/>
                    <a:p>
                      <a:pPr algn="ctr">
                        <a:lnSpc>
                          <a:spcPct val="100000"/>
                        </a:lnSpc>
                        <a:spcBef>
                          <a:spcPts val="780"/>
                        </a:spcBef>
                      </a:pPr>
                      <a:r>
                        <a:rPr sz="1400" dirty="0">
                          <a:solidFill>
                            <a:srgbClr val="3A3838"/>
                          </a:solidFill>
                          <a:latin typeface="Meiryo UI"/>
                          <a:cs typeface="Meiryo UI"/>
                        </a:rPr>
                        <a:t>―</a:t>
                      </a:r>
                      <a:endParaRPr sz="1400">
                        <a:latin typeface="Meiryo UI"/>
                        <a:cs typeface="Meiryo UI"/>
                      </a:endParaRPr>
                    </a:p>
                  </a:txBody>
                  <a:tcPr marL="0" marR="0" marT="89828"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CFD4EA"/>
                    </a:solidFill>
                  </a:tcPr>
                </a:tc>
                <a:tc hMerge="1">
                  <a:txBody>
                    <a:bodyPr/>
                    <a:lstStyle/>
                    <a:p>
                      <a:endParaRPr/>
                    </a:p>
                  </a:txBody>
                  <a:tcPr marL="0" marR="0" marT="0" marB="0"/>
                </a:tc>
                <a:tc hMerge="1">
                  <a:txBody>
                    <a:bodyPr/>
                    <a:lstStyle/>
                    <a:p>
                      <a:endParaRPr/>
                    </a:p>
                  </a:txBody>
                  <a:tcPr marL="0" marR="0" marT="0" marB="0"/>
                </a:tc>
                <a:tc>
                  <a:txBody>
                    <a:bodyPr/>
                    <a:lstStyle/>
                    <a:p>
                      <a:pPr algn="ctr">
                        <a:lnSpc>
                          <a:spcPct val="100000"/>
                        </a:lnSpc>
                        <a:spcBef>
                          <a:spcPts val="780"/>
                        </a:spcBef>
                      </a:pPr>
                      <a:r>
                        <a:rPr sz="1400" spc="-10" dirty="0">
                          <a:solidFill>
                            <a:srgbClr val="3A3838"/>
                          </a:solidFill>
                          <a:latin typeface="Meiryo UI"/>
                          <a:cs typeface="Meiryo UI"/>
                        </a:rPr>
                        <a:t>1</a:t>
                      </a:r>
                      <a:r>
                        <a:rPr sz="1400" spc="-30" dirty="0">
                          <a:solidFill>
                            <a:srgbClr val="3A3838"/>
                          </a:solidFill>
                          <a:latin typeface="Meiryo UI"/>
                          <a:cs typeface="Meiryo UI"/>
                        </a:rPr>
                        <a:t>が×</a:t>
                      </a:r>
                      <a:endParaRPr sz="1400">
                        <a:latin typeface="Meiryo UI"/>
                        <a:cs typeface="Meiryo UI"/>
                      </a:endParaRPr>
                    </a:p>
                  </a:txBody>
                  <a:tcPr marL="0" marR="0" marT="89828"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CFD4EA"/>
                    </a:solidFill>
                  </a:tcPr>
                </a:tc>
                <a:extLst>
                  <a:ext uri="{0D108BD9-81ED-4DB2-BD59-A6C34878D82A}">
                    <a16:rowId xmlns:a16="http://schemas.microsoft.com/office/drawing/2014/main" val="10000"/>
                  </a:ext>
                </a:extLst>
              </a:tr>
              <a:tr h="388102">
                <a:tc>
                  <a:txBody>
                    <a:bodyPr/>
                    <a:lstStyle/>
                    <a:p>
                      <a:pPr algn="ctr">
                        <a:lnSpc>
                          <a:spcPct val="100000"/>
                        </a:lnSpc>
                        <a:spcBef>
                          <a:spcPts val="840"/>
                        </a:spcBef>
                      </a:pPr>
                      <a:r>
                        <a:rPr sz="1300" b="1" spc="-25" dirty="0">
                          <a:solidFill>
                            <a:srgbClr val="FFFFFF"/>
                          </a:solidFill>
                          <a:latin typeface="Meiryo UI"/>
                          <a:cs typeface="Meiryo UI"/>
                        </a:rPr>
                        <a:t>(2)</a:t>
                      </a:r>
                      <a:endParaRPr sz="1300">
                        <a:latin typeface="Meiryo UI"/>
                        <a:cs typeface="Meiryo UI"/>
                      </a:endParaRPr>
                    </a:p>
                  </a:txBody>
                  <a:tcPr marL="0" marR="0" marT="96738"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2D508E"/>
                    </a:solidFill>
                  </a:tcPr>
                </a:tc>
                <a:tc gridSpan="2">
                  <a:txBody>
                    <a:bodyPr/>
                    <a:lstStyle/>
                    <a:p>
                      <a:pPr algn="ctr">
                        <a:lnSpc>
                          <a:spcPct val="100000"/>
                        </a:lnSpc>
                        <a:spcBef>
                          <a:spcPts val="790"/>
                        </a:spcBef>
                      </a:pPr>
                      <a:r>
                        <a:rPr sz="1400" dirty="0">
                          <a:solidFill>
                            <a:srgbClr val="3A3838"/>
                          </a:solidFill>
                          <a:latin typeface="Meiryo UI"/>
                          <a:cs typeface="Meiryo UI"/>
                        </a:rPr>
                        <a:t>〇</a:t>
                      </a:r>
                      <a:endParaRPr sz="1400">
                        <a:latin typeface="Meiryo UI"/>
                        <a:cs typeface="Meiryo UI"/>
                      </a:endParaRPr>
                    </a:p>
                  </a:txBody>
                  <a:tcPr marL="0" marR="0" marT="90979"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E9EBF5"/>
                    </a:solidFill>
                  </a:tcPr>
                </a:tc>
                <a:tc hMerge="1">
                  <a:txBody>
                    <a:bodyPr/>
                    <a:lstStyle/>
                    <a:p>
                      <a:endParaRPr/>
                    </a:p>
                  </a:txBody>
                  <a:tcPr marL="0" marR="0" marT="0" marB="0"/>
                </a:tc>
                <a:tc>
                  <a:txBody>
                    <a:bodyPr/>
                    <a:lstStyle/>
                    <a:p>
                      <a:pPr algn="ctr">
                        <a:lnSpc>
                          <a:spcPct val="100000"/>
                        </a:lnSpc>
                        <a:spcBef>
                          <a:spcPts val="790"/>
                        </a:spcBef>
                      </a:pPr>
                      <a:r>
                        <a:rPr sz="1400" dirty="0">
                          <a:solidFill>
                            <a:srgbClr val="3A3838"/>
                          </a:solidFill>
                          <a:latin typeface="Meiryo UI"/>
                          <a:cs typeface="Meiryo UI"/>
                        </a:rPr>
                        <a:t>×</a:t>
                      </a:r>
                      <a:endParaRPr sz="1400">
                        <a:latin typeface="Meiryo UI"/>
                        <a:cs typeface="Meiryo UI"/>
                      </a:endParaRPr>
                    </a:p>
                  </a:txBody>
                  <a:tcPr marL="0" marR="0" marT="90979"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E9EBF5"/>
                    </a:solidFill>
                  </a:tcPr>
                </a:tc>
                <a:tc>
                  <a:txBody>
                    <a:bodyPr/>
                    <a:lstStyle/>
                    <a:p>
                      <a:pPr algn="ctr">
                        <a:lnSpc>
                          <a:spcPct val="100000"/>
                        </a:lnSpc>
                        <a:spcBef>
                          <a:spcPts val="790"/>
                        </a:spcBef>
                      </a:pPr>
                      <a:r>
                        <a:rPr sz="1400" dirty="0">
                          <a:solidFill>
                            <a:srgbClr val="3A3838"/>
                          </a:solidFill>
                          <a:latin typeface="Meiryo UI"/>
                          <a:cs typeface="Meiryo UI"/>
                        </a:rPr>
                        <a:t>―</a:t>
                      </a:r>
                      <a:endParaRPr sz="1400">
                        <a:latin typeface="Meiryo UI"/>
                        <a:cs typeface="Meiryo UI"/>
                      </a:endParaRPr>
                    </a:p>
                  </a:txBody>
                  <a:tcPr marL="0" marR="0" marT="90979"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E9EBF5"/>
                    </a:solidFill>
                  </a:tcPr>
                </a:tc>
                <a:extLst>
                  <a:ext uri="{0D108BD9-81ED-4DB2-BD59-A6C34878D82A}">
                    <a16:rowId xmlns:a16="http://schemas.microsoft.com/office/drawing/2014/main" val="10001"/>
                  </a:ext>
                </a:extLst>
              </a:tr>
              <a:tr h="386373">
                <a:tc>
                  <a:txBody>
                    <a:bodyPr/>
                    <a:lstStyle/>
                    <a:p>
                      <a:pPr algn="ctr">
                        <a:lnSpc>
                          <a:spcPct val="100000"/>
                        </a:lnSpc>
                        <a:spcBef>
                          <a:spcPts val="830"/>
                        </a:spcBef>
                      </a:pPr>
                      <a:r>
                        <a:rPr sz="1300" b="1" spc="-25" dirty="0">
                          <a:solidFill>
                            <a:srgbClr val="FFFFFF"/>
                          </a:solidFill>
                          <a:latin typeface="Meiryo UI"/>
                          <a:cs typeface="Meiryo UI"/>
                        </a:rPr>
                        <a:t>(3)</a:t>
                      </a:r>
                      <a:endParaRPr sz="1300">
                        <a:latin typeface="Meiryo UI"/>
                        <a:cs typeface="Meiryo UI"/>
                      </a:endParaRPr>
                    </a:p>
                  </a:txBody>
                  <a:tcPr marL="0" marR="0" marT="95586"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2D508E"/>
                    </a:solidFill>
                  </a:tcPr>
                </a:tc>
                <a:tc>
                  <a:txBody>
                    <a:bodyPr/>
                    <a:lstStyle/>
                    <a:p>
                      <a:pPr algn="ctr">
                        <a:lnSpc>
                          <a:spcPct val="100000"/>
                        </a:lnSpc>
                        <a:spcBef>
                          <a:spcPts val="780"/>
                        </a:spcBef>
                      </a:pPr>
                      <a:r>
                        <a:rPr sz="1400" spc="-25" dirty="0">
                          <a:solidFill>
                            <a:srgbClr val="3A3838"/>
                          </a:solidFill>
                          <a:latin typeface="Meiryo UI"/>
                          <a:cs typeface="Meiryo UI"/>
                        </a:rPr>
                        <a:t>する</a:t>
                      </a:r>
                      <a:endParaRPr sz="1400">
                        <a:latin typeface="Meiryo UI"/>
                        <a:cs typeface="Meiryo UI"/>
                      </a:endParaRPr>
                    </a:p>
                  </a:txBody>
                  <a:tcPr marL="0" marR="0" marT="89828"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CFD4EA"/>
                    </a:solidFill>
                  </a:tcPr>
                </a:tc>
                <a:tc gridSpan="2">
                  <a:txBody>
                    <a:bodyPr/>
                    <a:lstStyle/>
                    <a:p>
                      <a:pPr marL="459740">
                        <a:lnSpc>
                          <a:spcPct val="100000"/>
                        </a:lnSpc>
                        <a:spcBef>
                          <a:spcPts val="780"/>
                        </a:spcBef>
                      </a:pPr>
                      <a:r>
                        <a:rPr sz="1400" spc="-20" dirty="0">
                          <a:solidFill>
                            <a:srgbClr val="3A3838"/>
                          </a:solidFill>
                          <a:latin typeface="Meiryo UI"/>
                          <a:cs typeface="Meiryo UI"/>
                        </a:rPr>
                        <a:t>しない</a:t>
                      </a:r>
                      <a:endParaRPr sz="1400">
                        <a:latin typeface="Meiryo UI"/>
                        <a:cs typeface="Meiryo UI"/>
                      </a:endParaRPr>
                    </a:p>
                  </a:txBody>
                  <a:tcPr marL="0" marR="0" marT="89828"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CFD4EA"/>
                    </a:solidFill>
                  </a:tcPr>
                </a:tc>
                <a:tc hMerge="1">
                  <a:txBody>
                    <a:bodyPr/>
                    <a:lstStyle/>
                    <a:p>
                      <a:endParaRPr/>
                    </a:p>
                  </a:txBody>
                  <a:tcPr marL="0" marR="0" marT="0" marB="0"/>
                </a:tc>
                <a:tc>
                  <a:txBody>
                    <a:bodyPr/>
                    <a:lstStyle/>
                    <a:p>
                      <a:pPr algn="ctr">
                        <a:lnSpc>
                          <a:spcPct val="100000"/>
                        </a:lnSpc>
                        <a:spcBef>
                          <a:spcPts val="780"/>
                        </a:spcBef>
                      </a:pPr>
                      <a:r>
                        <a:rPr sz="1400" dirty="0">
                          <a:solidFill>
                            <a:srgbClr val="3A3838"/>
                          </a:solidFill>
                          <a:latin typeface="Meiryo UI"/>
                          <a:cs typeface="Meiryo UI"/>
                        </a:rPr>
                        <a:t>―</a:t>
                      </a:r>
                      <a:endParaRPr sz="1400">
                        <a:latin typeface="Meiryo UI"/>
                        <a:cs typeface="Meiryo UI"/>
                      </a:endParaRPr>
                    </a:p>
                  </a:txBody>
                  <a:tcPr marL="0" marR="0" marT="89828"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CFD4EA"/>
                    </a:solidFill>
                  </a:tcPr>
                </a:tc>
                <a:extLst>
                  <a:ext uri="{0D108BD9-81ED-4DB2-BD59-A6C34878D82A}">
                    <a16:rowId xmlns:a16="http://schemas.microsoft.com/office/drawing/2014/main" val="10002"/>
                  </a:ext>
                </a:extLst>
              </a:tr>
              <a:tr h="388102">
                <a:tc rowSpan="2">
                  <a:txBody>
                    <a:bodyPr/>
                    <a:lstStyle/>
                    <a:p>
                      <a:pPr>
                        <a:lnSpc>
                          <a:spcPct val="100000"/>
                        </a:lnSpc>
                      </a:pPr>
                      <a:endParaRPr sz="1600">
                        <a:latin typeface="Times New Roman"/>
                        <a:cs typeface="Times New Roman"/>
                      </a:endParaRPr>
                    </a:p>
                    <a:p>
                      <a:pPr marL="76200">
                        <a:lnSpc>
                          <a:spcPct val="100000"/>
                        </a:lnSpc>
                        <a:spcBef>
                          <a:spcPts val="1220"/>
                        </a:spcBef>
                      </a:pPr>
                      <a:r>
                        <a:rPr sz="1300" b="1" spc="-25" dirty="0">
                          <a:solidFill>
                            <a:srgbClr val="FFFFFF"/>
                          </a:solidFill>
                          <a:latin typeface="Meiryo UI"/>
                          <a:cs typeface="Meiryo UI"/>
                        </a:rPr>
                        <a:t>結果</a:t>
                      </a:r>
                      <a:endParaRPr sz="1300">
                        <a:latin typeface="Meiryo UI"/>
                        <a:cs typeface="Meiryo UI"/>
                      </a:endParaRPr>
                    </a:p>
                  </a:txBody>
                  <a:tcPr marL="0" marR="0" marT="0"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2D508E"/>
                    </a:solidFill>
                  </a:tcPr>
                </a:tc>
                <a:tc>
                  <a:txBody>
                    <a:bodyPr/>
                    <a:lstStyle/>
                    <a:p>
                      <a:pPr algn="ctr">
                        <a:lnSpc>
                          <a:spcPct val="100000"/>
                        </a:lnSpc>
                        <a:spcBef>
                          <a:spcPts val="790"/>
                        </a:spcBef>
                      </a:pPr>
                      <a:r>
                        <a:rPr sz="1400" dirty="0">
                          <a:solidFill>
                            <a:srgbClr val="3A3838"/>
                          </a:solidFill>
                          <a:latin typeface="Meiryo UI"/>
                          <a:cs typeface="Meiryo UI"/>
                        </a:rPr>
                        <a:t>Ａ</a:t>
                      </a:r>
                      <a:endParaRPr sz="1400">
                        <a:latin typeface="Meiryo UI"/>
                        <a:cs typeface="Meiryo UI"/>
                      </a:endParaRPr>
                    </a:p>
                  </a:txBody>
                  <a:tcPr marL="0" marR="0" marT="90979"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E9EBF5"/>
                    </a:solidFill>
                  </a:tcPr>
                </a:tc>
                <a:tc>
                  <a:txBody>
                    <a:bodyPr/>
                    <a:lstStyle/>
                    <a:p>
                      <a:pPr algn="ctr">
                        <a:lnSpc>
                          <a:spcPct val="100000"/>
                        </a:lnSpc>
                        <a:spcBef>
                          <a:spcPts val="790"/>
                        </a:spcBef>
                      </a:pPr>
                      <a:r>
                        <a:rPr sz="1400" dirty="0">
                          <a:solidFill>
                            <a:srgbClr val="3A3838"/>
                          </a:solidFill>
                          <a:latin typeface="Meiryo UI"/>
                          <a:cs typeface="Meiryo UI"/>
                        </a:rPr>
                        <a:t>Ｂ</a:t>
                      </a:r>
                      <a:endParaRPr sz="1400">
                        <a:latin typeface="Meiryo UI"/>
                        <a:cs typeface="Meiryo UI"/>
                      </a:endParaRPr>
                    </a:p>
                  </a:txBody>
                  <a:tcPr marL="0" marR="0" marT="90979"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E9EBF5"/>
                    </a:solidFill>
                  </a:tcPr>
                </a:tc>
                <a:tc gridSpan="2">
                  <a:txBody>
                    <a:bodyPr/>
                    <a:lstStyle/>
                    <a:p>
                      <a:pPr algn="ctr">
                        <a:lnSpc>
                          <a:spcPct val="100000"/>
                        </a:lnSpc>
                        <a:spcBef>
                          <a:spcPts val="790"/>
                        </a:spcBef>
                      </a:pPr>
                      <a:r>
                        <a:rPr sz="1400" dirty="0">
                          <a:solidFill>
                            <a:srgbClr val="3A3838"/>
                          </a:solidFill>
                          <a:latin typeface="Meiryo UI"/>
                          <a:cs typeface="Meiryo UI"/>
                        </a:rPr>
                        <a:t>Ｃ</a:t>
                      </a:r>
                      <a:endParaRPr sz="1400">
                        <a:latin typeface="Meiryo UI"/>
                        <a:cs typeface="Meiryo UI"/>
                      </a:endParaRPr>
                    </a:p>
                  </a:txBody>
                  <a:tcPr marL="0" marR="0" marT="90979"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E9EBF5"/>
                    </a:solidFill>
                  </a:tcPr>
                </a:tc>
                <a:tc hMerge="1">
                  <a:txBody>
                    <a:bodyPr/>
                    <a:lstStyle/>
                    <a:p>
                      <a:endParaRPr/>
                    </a:p>
                  </a:txBody>
                  <a:tcPr marL="0" marR="0" marT="0" marB="0"/>
                </a:tc>
                <a:extLst>
                  <a:ext uri="{0D108BD9-81ED-4DB2-BD59-A6C34878D82A}">
                    <a16:rowId xmlns:a16="http://schemas.microsoft.com/office/drawing/2014/main" val="10003"/>
                  </a:ext>
                </a:extLst>
              </a:tr>
              <a:tr h="563726">
                <a:tc vMerge="1">
                  <a:txBody>
                    <a:bodyPr/>
                    <a:lstStyle/>
                    <a:p>
                      <a:endParaRPr/>
                    </a:p>
                  </a:txBody>
                  <a:tcPr marL="0" marR="0" marT="0"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2D508E"/>
                    </a:solidFill>
                  </a:tcPr>
                </a:tc>
                <a:tc>
                  <a:txBody>
                    <a:bodyPr/>
                    <a:lstStyle/>
                    <a:p>
                      <a:pPr marL="65405" marR="55880" indent="-5080">
                        <a:lnSpc>
                          <a:spcPct val="100600"/>
                        </a:lnSpc>
                        <a:spcBef>
                          <a:spcPts val="620"/>
                        </a:spcBef>
                      </a:pPr>
                      <a:r>
                        <a:rPr sz="1400" spc="-15" dirty="0">
                          <a:solidFill>
                            <a:srgbClr val="3A3838"/>
                          </a:solidFill>
                          <a:latin typeface="Meiryo UI"/>
                          <a:cs typeface="Meiryo UI"/>
                        </a:rPr>
                        <a:t>実施方針を定</a:t>
                      </a:r>
                      <a:r>
                        <a:rPr sz="1400" spc="-20" dirty="0">
                          <a:solidFill>
                            <a:srgbClr val="3A3838"/>
                          </a:solidFill>
                          <a:latin typeface="Meiryo UI"/>
                          <a:cs typeface="Meiryo UI"/>
                        </a:rPr>
                        <a:t>めることが適当</a:t>
                      </a:r>
                      <a:endParaRPr sz="1400">
                        <a:latin typeface="Meiryo UI"/>
                        <a:cs typeface="Meiryo UI"/>
                      </a:endParaRPr>
                    </a:p>
                  </a:txBody>
                  <a:tcPr marL="0" marR="0" marT="71402"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CFD4EA"/>
                    </a:solidFill>
                  </a:tcPr>
                </a:tc>
                <a:tc>
                  <a:txBody>
                    <a:bodyPr/>
                    <a:lstStyle/>
                    <a:p>
                      <a:pPr marL="153035" marR="147320">
                        <a:lnSpc>
                          <a:spcPct val="100600"/>
                        </a:lnSpc>
                        <a:spcBef>
                          <a:spcPts val="620"/>
                        </a:spcBef>
                      </a:pPr>
                      <a:r>
                        <a:rPr sz="1400" spc="-25" dirty="0">
                          <a:solidFill>
                            <a:srgbClr val="3A3838"/>
                          </a:solidFill>
                          <a:latin typeface="Meiryo UI"/>
                          <a:cs typeface="Meiryo UI"/>
                        </a:rPr>
                        <a:t>継続検討</a:t>
                      </a:r>
                      <a:endParaRPr sz="1400">
                        <a:latin typeface="Meiryo UI"/>
                        <a:cs typeface="Meiryo UI"/>
                      </a:endParaRPr>
                    </a:p>
                  </a:txBody>
                  <a:tcPr marL="0" marR="0" marT="71402"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CFD4EA"/>
                    </a:solidFill>
                  </a:tcPr>
                </a:tc>
                <a:tc gridSpan="2">
                  <a:txBody>
                    <a:bodyPr/>
                    <a:lstStyle/>
                    <a:p>
                      <a:pPr marL="243204">
                        <a:lnSpc>
                          <a:spcPct val="100000"/>
                        </a:lnSpc>
                        <a:spcBef>
                          <a:spcPts val="1540"/>
                        </a:spcBef>
                      </a:pPr>
                      <a:r>
                        <a:rPr sz="1400" spc="-15" dirty="0">
                          <a:solidFill>
                            <a:srgbClr val="3A3838"/>
                          </a:solidFill>
                          <a:latin typeface="Meiryo UI"/>
                          <a:cs typeface="Meiryo UI"/>
                        </a:rPr>
                        <a:t>検討終了</a:t>
                      </a:r>
                      <a:endParaRPr sz="1400">
                        <a:latin typeface="Meiryo UI"/>
                        <a:cs typeface="Meiryo UI"/>
                      </a:endParaRPr>
                    </a:p>
                  </a:txBody>
                  <a:tcPr marL="0" marR="0" marT="177352" marB="0">
                    <a:lnL w="19050">
                      <a:solidFill>
                        <a:srgbClr val="A6A6A6"/>
                      </a:solidFill>
                      <a:prstDash val="solid"/>
                    </a:lnL>
                    <a:lnR w="19050">
                      <a:solidFill>
                        <a:srgbClr val="A6A6A6"/>
                      </a:solidFill>
                      <a:prstDash val="solid"/>
                    </a:lnR>
                    <a:lnT w="19050">
                      <a:solidFill>
                        <a:srgbClr val="A6A6A6"/>
                      </a:solidFill>
                      <a:prstDash val="solid"/>
                    </a:lnT>
                    <a:lnB w="19050">
                      <a:solidFill>
                        <a:srgbClr val="A6A6A6"/>
                      </a:solidFill>
                      <a:prstDash val="solid"/>
                    </a:lnB>
                    <a:solidFill>
                      <a:srgbClr val="CFD4EA"/>
                    </a:solidFill>
                  </a:tcPr>
                </a:tc>
                <a:tc hMerge="1">
                  <a:txBody>
                    <a:bodyPr/>
                    <a:lstStyle/>
                    <a:p>
                      <a:endParaRPr/>
                    </a:p>
                  </a:txBody>
                  <a:tcPr marL="0" marR="0" marT="0" marB="0"/>
                </a:tc>
                <a:extLst>
                  <a:ext uri="{0D108BD9-81ED-4DB2-BD59-A6C34878D82A}">
                    <a16:rowId xmlns:a16="http://schemas.microsoft.com/office/drawing/2014/main" val="10004"/>
                  </a:ext>
                </a:extLst>
              </a:tr>
            </a:tbl>
          </a:graphicData>
        </a:graphic>
      </p:graphicFrame>
      <p:sp>
        <p:nvSpPr>
          <p:cNvPr id="51" name="object 51"/>
          <p:cNvSpPr txBox="1"/>
          <p:nvPr/>
        </p:nvSpPr>
        <p:spPr>
          <a:xfrm>
            <a:off x="8915682" y="1038936"/>
            <a:ext cx="1771794" cy="207067"/>
          </a:xfrm>
          <a:prstGeom prst="rect">
            <a:avLst/>
          </a:prstGeom>
        </p:spPr>
        <p:txBody>
          <a:bodyPr vert="horz" wrap="square" lIns="0" tIns="11516" rIns="0" bIns="0" rtlCol="0">
            <a:spAutoFit/>
          </a:bodyPr>
          <a:lstStyle/>
          <a:p>
            <a:pPr marL="11516">
              <a:spcBef>
                <a:spcPts val="91"/>
              </a:spcBef>
            </a:pPr>
            <a:r>
              <a:rPr sz="1270" spc="-5" dirty="0">
                <a:solidFill>
                  <a:srgbClr val="3A3838"/>
                </a:solidFill>
                <a:latin typeface="Meiryo UI"/>
                <a:cs typeface="Meiryo UI"/>
              </a:rPr>
              <a:t>※「―」現時点で評価不可</a:t>
            </a:r>
            <a:endParaRPr sz="1270">
              <a:latin typeface="Meiryo UI"/>
              <a:cs typeface="Meiryo UI"/>
            </a:endParaRPr>
          </a:p>
        </p:txBody>
      </p:sp>
    </p:spTree>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42767" y="0"/>
            <a:ext cx="9535557" cy="689900"/>
          </a:xfrm>
          <a:prstGeom prst="rect">
            <a:avLst/>
          </a:prstGeom>
        </p:spPr>
        <p:txBody>
          <a:bodyPr vert="horz" wrap="square" lIns="0" tIns="12668" rIns="0" bIns="0" rtlCol="0" anchor="ctr">
            <a:spAutoFit/>
          </a:bodyPr>
          <a:lstStyle/>
          <a:p>
            <a:pPr marL="11516">
              <a:lnSpc>
                <a:spcPct val="100000"/>
              </a:lnSpc>
              <a:spcBef>
                <a:spcPts val="100"/>
              </a:spcBef>
            </a:pPr>
            <a:r>
              <a:rPr spc="-14" dirty="0"/>
              <a:t>審査項目(基準)</a:t>
            </a:r>
          </a:p>
        </p:txBody>
      </p:sp>
      <p:graphicFrame>
        <p:nvGraphicFramePr>
          <p:cNvPr id="3" name="object 3"/>
          <p:cNvGraphicFramePr>
            <a:graphicFrameLocks noGrp="1"/>
          </p:cNvGraphicFramePr>
          <p:nvPr/>
        </p:nvGraphicFramePr>
        <p:xfrm>
          <a:off x="822231" y="689900"/>
          <a:ext cx="9456093" cy="5946823"/>
        </p:xfrm>
        <a:graphic>
          <a:graphicData uri="http://schemas.openxmlformats.org/drawingml/2006/table">
            <a:tbl>
              <a:tblPr firstRow="1" bandRow="1">
                <a:tableStyleId>{2D5ABB26-0587-4C30-8999-92F81FD0307C}</a:tableStyleId>
              </a:tblPr>
              <a:tblGrid>
                <a:gridCol w="1954328">
                  <a:extLst>
                    <a:ext uri="{9D8B030D-6E8A-4147-A177-3AD203B41FA5}">
                      <a16:colId xmlns:a16="http://schemas.microsoft.com/office/drawing/2014/main" val="20000"/>
                    </a:ext>
                  </a:extLst>
                </a:gridCol>
                <a:gridCol w="2642432">
                  <a:extLst>
                    <a:ext uri="{9D8B030D-6E8A-4147-A177-3AD203B41FA5}">
                      <a16:colId xmlns:a16="http://schemas.microsoft.com/office/drawing/2014/main" val="20001"/>
                    </a:ext>
                  </a:extLst>
                </a:gridCol>
                <a:gridCol w="4859333">
                  <a:extLst>
                    <a:ext uri="{9D8B030D-6E8A-4147-A177-3AD203B41FA5}">
                      <a16:colId xmlns:a16="http://schemas.microsoft.com/office/drawing/2014/main" val="20002"/>
                    </a:ext>
                  </a:extLst>
                </a:gridCol>
              </a:tblGrid>
              <a:tr h="351825">
                <a:tc>
                  <a:txBody>
                    <a:bodyPr/>
                    <a:lstStyle/>
                    <a:p>
                      <a:pPr marL="77470">
                        <a:lnSpc>
                          <a:spcPct val="100000"/>
                        </a:lnSpc>
                        <a:spcBef>
                          <a:spcPts val="740"/>
                        </a:spcBef>
                      </a:pPr>
                      <a:r>
                        <a:rPr sz="1200" b="1" spc="-80" dirty="0">
                          <a:solidFill>
                            <a:srgbClr val="FFFFFF"/>
                          </a:solidFill>
                          <a:latin typeface="Meiryo UI"/>
                          <a:cs typeface="Meiryo UI"/>
                        </a:rPr>
                        <a:t>大項目</a:t>
                      </a:r>
                      <a:endParaRPr sz="1200">
                        <a:latin typeface="Meiryo UI"/>
                        <a:cs typeface="Meiryo UI"/>
                      </a:endParaRPr>
                    </a:p>
                  </a:txBody>
                  <a:tcPr marL="0" marR="0" marT="85221" marB="0">
                    <a:lnL w="19050">
                      <a:solidFill>
                        <a:srgbClr val="FFFFFF"/>
                      </a:solidFill>
                      <a:prstDash val="solid"/>
                    </a:lnL>
                    <a:lnR w="19050">
                      <a:solidFill>
                        <a:srgbClr val="FFFFFF"/>
                      </a:solidFill>
                      <a:prstDash val="solid"/>
                    </a:lnR>
                    <a:lnT w="19050">
                      <a:solidFill>
                        <a:srgbClr val="FFFFFF"/>
                      </a:solidFill>
                      <a:prstDash val="solid"/>
                    </a:lnT>
                    <a:lnB w="57150">
                      <a:solidFill>
                        <a:srgbClr val="FFFFFF"/>
                      </a:solidFill>
                      <a:prstDash val="solid"/>
                    </a:lnB>
                    <a:solidFill>
                      <a:srgbClr val="2D508E"/>
                    </a:solidFill>
                  </a:tcPr>
                </a:tc>
                <a:tc>
                  <a:txBody>
                    <a:bodyPr/>
                    <a:lstStyle/>
                    <a:p>
                      <a:pPr marL="96520">
                        <a:lnSpc>
                          <a:spcPct val="100000"/>
                        </a:lnSpc>
                        <a:spcBef>
                          <a:spcPts val="740"/>
                        </a:spcBef>
                      </a:pPr>
                      <a:r>
                        <a:rPr sz="1200" b="1" spc="-75" dirty="0">
                          <a:solidFill>
                            <a:srgbClr val="FFFFFF"/>
                          </a:solidFill>
                          <a:latin typeface="Meiryo UI"/>
                          <a:cs typeface="Meiryo UI"/>
                        </a:rPr>
                        <a:t>小項目</a:t>
                      </a:r>
                      <a:endParaRPr sz="1200">
                        <a:latin typeface="Meiryo UI"/>
                        <a:cs typeface="Meiryo UI"/>
                      </a:endParaRPr>
                    </a:p>
                  </a:txBody>
                  <a:tcPr marL="0" marR="0" marT="85221" marB="0">
                    <a:lnL w="19050">
                      <a:solidFill>
                        <a:srgbClr val="FFFFFF"/>
                      </a:solidFill>
                      <a:prstDash val="solid"/>
                    </a:lnL>
                    <a:lnR w="19050">
                      <a:solidFill>
                        <a:srgbClr val="FFFFFF"/>
                      </a:solidFill>
                      <a:prstDash val="solid"/>
                    </a:lnR>
                    <a:lnT w="19050">
                      <a:solidFill>
                        <a:srgbClr val="FFFFFF"/>
                      </a:solidFill>
                      <a:prstDash val="solid"/>
                    </a:lnT>
                    <a:lnB w="57150">
                      <a:solidFill>
                        <a:srgbClr val="FFFFFF"/>
                      </a:solidFill>
                      <a:prstDash val="solid"/>
                    </a:lnB>
                    <a:solidFill>
                      <a:srgbClr val="2D508E"/>
                    </a:solidFill>
                  </a:tcPr>
                </a:tc>
                <a:tc>
                  <a:txBody>
                    <a:bodyPr/>
                    <a:lstStyle/>
                    <a:p>
                      <a:pPr marL="99695">
                        <a:lnSpc>
                          <a:spcPct val="100000"/>
                        </a:lnSpc>
                        <a:spcBef>
                          <a:spcPts val="740"/>
                        </a:spcBef>
                      </a:pPr>
                      <a:r>
                        <a:rPr sz="1200" b="1" spc="-80" dirty="0">
                          <a:solidFill>
                            <a:srgbClr val="FFFFFF"/>
                          </a:solidFill>
                          <a:latin typeface="Meiryo UI"/>
                          <a:cs typeface="Meiryo UI"/>
                        </a:rPr>
                        <a:t>評価の視点</a:t>
                      </a:r>
                      <a:endParaRPr sz="1200">
                        <a:latin typeface="Meiryo UI"/>
                        <a:cs typeface="Meiryo UI"/>
                      </a:endParaRPr>
                    </a:p>
                  </a:txBody>
                  <a:tcPr marL="0" marR="0" marT="85221" marB="0">
                    <a:lnL w="19050">
                      <a:solidFill>
                        <a:srgbClr val="FFFFFF"/>
                      </a:solidFill>
                      <a:prstDash val="solid"/>
                    </a:lnL>
                    <a:lnR w="19050">
                      <a:solidFill>
                        <a:srgbClr val="FFFFFF"/>
                      </a:solidFill>
                      <a:prstDash val="solid"/>
                    </a:lnR>
                    <a:lnT w="19050">
                      <a:solidFill>
                        <a:srgbClr val="FFFFFF"/>
                      </a:solidFill>
                      <a:prstDash val="solid"/>
                    </a:lnT>
                    <a:lnB w="57150">
                      <a:solidFill>
                        <a:srgbClr val="FFFFFF"/>
                      </a:solidFill>
                      <a:prstDash val="solid"/>
                    </a:lnB>
                    <a:solidFill>
                      <a:srgbClr val="2D508E"/>
                    </a:solidFill>
                  </a:tcPr>
                </a:tc>
                <a:extLst>
                  <a:ext uri="{0D108BD9-81ED-4DB2-BD59-A6C34878D82A}">
                    <a16:rowId xmlns:a16="http://schemas.microsoft.com/office/drawing/2014/main" val="10000"/>
                  </a:ext>
                </a:extLst>
              </a:tr>
              <a:tr h="492901">
                <a:tc rowSpan="2">
                  <a:txBody>
                    <a:bodyPr/>
                    <a:lstStyle/>
                    <a:p>
                      <a:pPr>
                        <a:lnSpc>
                          <a:spcPct val="100000"/>
                        </a:lnSpc>
                        <a:spcBef>
                          <a:spcPts val="15"/>
                        </a:spcBef>
                      </a:pPr>
                      <a:endParaRPr sz="2100" dirty="0">
                        <a:latin typeface="Times New Roman"/>
                        <a:cs typeface="Times New Roman"/>
                      </a:endParaRPr>
                    </a:p>
                    <a:p>
                      <a:pPr marL="97155" marR="148590">
                        <a:lnSpc>
                          <a:spcPct val="100000"/>
                        </a:lnSpc>
                      </a:pPr>
                      <a:r>
                        <a:rPr sz="1200" spc="-25" dirty="0">
                          <a:solidFill>
                            <a:srgbClr val="3B3838"/>
                          </a:solidFill>
                          <a:latin typeface="Meiryo UI"/>
                          <a:cs typeface="Meiryo UI"/>
                        </a:rPr>
                        <a:t>１．当該提案に係る公共施</a:t>
                      </a:r>
                      <a:r>
                        <a:rPr sz="1200" spc="-30" dirty="0">
                          <a:solidFill>
                            <a:srgbClr val="3B3838"/>
                          </a:solidFill>
                          <a:latin typeface="Meiryo UI"/>
                          <a:cs typeface="Meiryo UI"/>
                        </a:rPr>
                        <a:t>設等の整備等の必要性</a:t>
                      </a:r>
                      <a:endParaRPr sz="1200" dirty="0">
                        <a:latin typeface="Meiryo UI"/>
                        <a:cs typeface="Meiryo UI"/>
                      </a:endParaRPr>
                    </a:p>
                  </a:txBody>
                  <a:tcPr marL="0" marR="0" marT="1727" marB="0">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4E9"/>
                    </a:solidFill>
                  </a:tcPr>
                </a:tc>
                <a:tc>
                  <a:txBody>
                    <a:bodyPr/>
                    <a:lstStyle/>
                    <a:p>
                      <a:pPr marL="95885" marR="88265">
                        <a:lnSpc>
                          <a:spcPct val="100000"/>
                        </a:lnSpc>
                        <a:spcBef>
                          <a:spcPts val="570"/>
                        </a:spcBef>
                      </a:pPr>
                      <a:r>
                        <a:rPr sz="1200" spc="-30" dirty="0">
                          <a:solidFill>
                            <a:srgbClr val="3B3838"/>
                          </a:solidFill>
                          <a:latin typeface="Meiryo UI"/>
                          <a:cs typeface="Meiryo UI"/>
                        </a:rPr>
                        <a:t>①上位・関連計画と整合した内容となって</a:t>
                      </a:r>
                      <a:r>
                        <a:rPr sz="1200" spc="-35" dirty="0">
                          <a:solidFill>
                            <a:srgbClr val="3B3838"/>
                          </a:solidFill>
                          <a:latin typeface="Meiryo UI"/>
                          <a:cs typeface="Meiryo UI"/>
                        </a:rPr>
                        <a:t>いるか</a:t>
                      </a:r>
                      <a:endParaRPr sz="1200">
                        <a:latin typeface="Meiryo UI"/>
                        <a:cs typeface="Meiryo UI"/>
                      </a:endParaRPr>
                    </a:p>
                  </a:txBody>
                  <a:tcPr marL="0" marR="0" marT="65643" marB="0">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4E9"/>
                    </a:solidFill>
                  </a:tcPr>
                </a:tc>
                <a:tc>
                  <a:txBody>
                    <a:bodyPr/>
                    <a:lstStyle/>
                    <a:p>
                      <a:pPr marL="97155" marR="107950">
                        <a:lnSpc>
                          <a:spcPct val="100000"/>
                        </a:lnSpc>
                        <a:spcBef>
                          <a:spcPts val="570"/>
                        </a:spcBef>
                      </a:pPr>
                      <a:r>
                        <a:rPr sz="1200" spc="-35" dirty="0">
                          <a:solidFill>
                            <a:srgbClr val="3B3838"/>
                          </a:solidFill>
                          <a:latin typeface="Meiryo UI"/>
                          <a:cs typeface="Meiryo UI"/>
                        </a:rPr>
                        <a:t>市の上位・関連計画等における市の目指す方向性や施策等の趣旨との整合性</a:t>
                      </a:r>
                      <a:r>
                        <a:rPr sz="1200" spc="-30" dirty="0">
                          <a:solidFill>
                            <a:srgbClr val="3B3838"/>
                          </a:solidFill>
                          <a:latin typeface="Meiryo UI"/>
                          <a:cs typeface="Meiryo UI"/>
                        </a:rPr>
                        <a:t>により評価</a:t>
                      </a:r>
                      <a:endParaRPr sz="1200">
                        <a:latin typeface="Meiryo UI"/>
                        <a:cs typeface="Meiryo UI"/>
                      </a:endParaRPr>
                    </a:p>
                  </a:txBody>
                  <a:tcPr marL="0" marR="0" marT="65643" marB="0">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4E9"/>
                    </a:solidFill>
                  </a:tcPr>
                </a:tc>
                <a:extLst>
                  <a:ext uri="{0D108BD9-81ED-4DB2-BD59-A6C34878D82A}">
                    <a16:rowId xmlns:a16="http://schemas.microsoft.com/office/drawing/2014/main" val="10001"/>
                  </a:ext>
                </a:extLst>
              </a:tr>
              <a:tr h="492901">
                <a:tc vMerge="1">
                  <a:txBody>
                    <a:bodyPr/>
                    <a:lstStyle/>
                    <a:p>
                      <a:endParaRPr/>
                    </a:p>
                  </a:txBody>
                  <a:tcPr marL="0" marR="0" marT="1905" marB="0">
                    <a:lnL w="19050">
                      <a:solidFill>
                        <a:srgbClr val="FFFFFF"/>
                      </a:solidFill>
                      <a:prstDash val="solid"/>
                    </a:lnL>
                    <a:lnR w="19050">
                      <a:solidFill>
                        <a:srgbClr val="FFFFFF"/>
                      </a:solidFill>
                      <a:prstDash val="solid"/>
                    </a:lnR>
                    <a:lnT w="57150">
                      <a:solidFill>
                        <a:srgbClr val="FFFFFF"/>
                      </a:solidFill>
                      <a:prstDash val="solid"/>
                    </a:lnT>
                    <a:lnB w="19050">
                      <a:solidFill>
                        <a:srgbClr val="FFFFFF"/>
                      </a:solidFill>
                      <a:prstDash val="solid"/>
                    </a:lnB>
                    <a:solidFill>
                      <a:srgbClr val="CFD4E9"/>
                    </a:solidFill>
                  </a:tcPr>
                </a:tc>
                <a:tc>
                  <a:txBody>
                    <a:bodyPr/>
                    <a:lstStyle/>
                    <a:p>
                      <a:pPr marL="95885" marR="175260">
                        <a:lnSpc>
                          <a:spcPct val="100000"/>
                        </a:lnSpc>
                        <a:spcBef>
                          <a:spcPts val="570"/>
                        </a:spcBef>
                      </a:pPr>
                      <a:r>
                        <a:rPr sz="1200" spc="-25" dirty="0">
                          <a:solidFill>
                            <a:srgbClr val="3B3838"/>
                          </a:solidFill>
                          <a:latin typeface="Meiryo UI"/>
                          <a:cs typeface="Meiryo UI"/>
                        </a:rPr>
                        <a:t>②課題解決やサービス向上</a:t>
                      </a:r>
                      <a:r>
                        <a:rPr sz="1200" spc="-20" dirty="0">
                          <a:solidFill>
                            <a:srgbClr val="3B3838"/>
                          </a:solidFill>
                          <a:latin typeface="Meiryo UI"/>
                          <a:cs typeface="Meiryo UI"/>
                        </a:rPr>
                        <a:t>（</a:t>
                      </a:r>
                      <a:r>
                        <a:rPr sz="1200" spc="-30" dirty="0">
                          <a:solidFill>
                            <a:srgbClr val="3B3838"/>
                          </a:solidFill>
                          <a:latin typeface="Meiryo UI"/>
                          <a:cs typeface="Meiryo UI"/>
                        </a:rPr>
                        <a:t>付加機能による効果を含む</a:t>
                      </a:r>
                      <a:r>
                        <a:rPr sz="1200" spc="-20" dirty="0">
                          <a:solidFill>
                            <a:srgbClr val="3B3838"/>
                          </a:solidFill>
                          <a:latin typeface="Meiryo UI"/>
                          <a:cs typeface="Meiryo UI"/>
                        </a:rPr>
                        <a:t>）</a:t>
                      </a:r>
                      <a:r>
                        <a:rPr sz="1200" spc="-30" dirty="0">
                          <a:solidFill>
                            <a:srgbClr val="3B3838"/>
                          </a:solidFill>
                          <a:latin typeface="Meiryo UI"/>
                          <a:cs typeface="Meiryo UI"/>
                        </a:rPr>
                        <a:t>に繋がるものであるか</a:t>
                      </a:r>
                      <a:endParaRPr sz="1200">
                        <a:latin typeface="Meiryo UI"/>
                        <a:cs typeface="Meiryo UI"/>
                      </a:endParaRPr>
                    </a:p>
                  </a:txBody>
                  <a:tcPr marL="0" marR="0" marT="65643"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tc>
                  <a:txBody>
                    <a:bodyPr/>
                    <a:lstStyle/>
                    <a:p>
                      <a:pPr marL="97155" marR="104775">
                        <a:lnSpc>
                          <a:spcPct val="100000"/>
                        </a:lnSpc>
                        <a:spcBef>
                          <a:spcPts val="570"/>
                        </a:spcBef>
                      </a:pPr>
                      <a:r>
                        <a:rPr sz="1200" spc="-35" dirty="0">
                          <a:solidFill>
                            <a:srgbClr val="3B3838"/>
                          </a:solidFill>
                          <a:latin typeface="Meiryo UI"/>
                          <a:cs typeface="Meiryo UI"/>
                        </a:rPr>
                        <a:t>市の現状把握や課題整理が適切であり、その解決策やサービス向上に繋がる内容であるかという点で事業の必要性を評価</a:t>
                      </a:r>
                      <a:endParaRPr sz="1200">
                        <a:latin typeface="Meiryo UI"/>
                        <a:cs typeface="Meiryo UI"/>
                      </a:endParaRPr>
                    </a:p>
                  </a:txBody>
                  <a:tcPr marL="0" marR="0" marT="65643"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extLst>
                  <a:ext uri="{0D108BD9-81ED-4DB2-BD59-A6C34878D82A}">
                    <a16:rowId xmlns:a16="http://schemas.microsoft.com/office/drawing/2014/main" val="10002"/>
                  </a:ext>
                </a:extLst>
              </a:tr>
              <a:tr h="491749">
                <a:tc rowSpan="3">
                  <a:txBody>
                    <a:bodyPr/>
                    <a:lstStyle/>
                    <a:p>
                      <a:pPr>
                        <a:lnSpc>
                          <a:spcPct val="100000"/>
                        </a:lnSpc>
                      </a:pPr>
                      <a:endParaRPr sz="1500">
                        <a:latin typeface="Times New Roman"/>
                        <a:cs typeface="Times New Roman"/>
                      </a:endParaRPr>
                    </a:p>
                    <a:p>
                      <a:pPr>
                        <a:lnSpc>
                          <a:spcPct val="100000"/>
                        </a:lnSpc>
                      </a:pPr>
                      <a:endParaRPr sz="1500">
                        <a:latin typeface="Times New Roman"/>
                        <a:cs typeface="Times New Roman"/>
                      </a:endParaRPr>
                    </a:p>
                    <a:p>
                      <a:pPr>
                        <a:lnSpc>
                          <a:spcPct val="100000"/>
                        </a:lnSpc>
                      </a:pPr>
                      <a:endParaRPr sz="1500">
                        <a:latin typeface="Times New Roman"/>
                        <a:cs typeface="Times New Roman"/>
                      </a:endParaRPr>
                    </a:p>
                    <a:p>
                      <a:pPr marL="97155">
                        <a:lnSpc>
                          <a:spcPct val="100000"/>
                        </a:lnSpc>
                        <a:spcBef>
                          <a:spcPts val="1025"/>
                        </a:spcBef>
                      </a:pPr>
                      <a:r>
                        <a:rPr sz="1200" spc="-30" dirty="0">
                          <a:solidFill>
                            <a:srgbClr val="3B3838"/>
                          </a:solidFill>
                          <a:latin typeface="Meiryo UI"/>
                          <a:cs typeface="Meiryo UI"/>
                        </a:rPr>
                        <a:t>２．提案の実現可能性</a:t>
                      </a:r>
                      <a:endParaRPr sz="1200">
                        <a:latin typeface="Meiryo UI"/>
                        <a:cs typeface="Meiryo UI"/>
                      </a:endParaRPr>
                    </a:p>
                  </a:txBody>
                  <a:tcPr marL="0" marR="0" marT="0"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tc>
                  <a:txBody>
                    <a:bodyPr/>
                    <a:lstStyle/>
                    <a:p>
                      <a:pPr marL="260350" marR="160655" indent="-165100">
                        <a:lnSpc>
                          <a:spcPts val="1510"/>
                        </a:lnSpc>
                        <a:spcBef>
                          <a:spcPts val="675"/>
                        </a:spcBef>
                      </a:pPr>
                      <a:r>
                        <a:rPr sz="1200" spc="-25" dirty="0">
                          <a:solidFill>
                            <a:srgbClr val="3B3838"/>
                          </a:solidFill>
                          <a:latin typeface="Meiryo UI"/>
                          <a:cs typeface="Meiryo UI"/>
                        </a:rPr>
                        <a:t>①法制度上実現可能な事業内容となっ</a:t>
                      </a:r>
                      <a:r>
                        <a:rPr sz="1200" spc="-30" dirty="0">
                          <a:solidFill>
                            <a:srgbClr val="3B3838"/>
                          </a:solidFill>
                          <a:latin typeface="Meiryo UI"/>
                          <a:cs typeface="Meiryo UI"/>
                        </a:rPr>
                        <a:t>ているか</a:t>
                      </a:r>
                      <a:endParaRPr sz="1200">
                        <a:latin typeface="Meiryo UI"/>
                        <a:cs typeface="Meiryo UI"/>
                      </a:endParaRPr>
                    </a:p>
                  </a:txBody>
                  <a:tcPr marL="0" marR="0" marT="77736"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a:txBody>
                    <a:bodyPr/>
                    <a:lstStyle/>
                    <a:p>
                      <a:pPr marL="97155">
                        <a:lnSpc>
                          <a:spcPct val="100000"/>
                        </a:lnSpc>
                        <a:spcBef>
                          <a:spcPts val="1350"/>
                        </a:spcBef>
                      </a:pPr>
                      <a:r>
                        <a:rPr sz="1200" spc="-35" dirty="0">
                          <a:solidFill>
                            <a:srgbClr val="3B3838"/>
                          </a:solidFill>
                          <a:latin typeface="Meiryo UI"/>
                          <a:cs typeface="Meiryo UI"/>
                        </a:rPr>
                        <a:t>法制度における規制条件の有無や提案者の前提条件の有無により評価</a:t>
                      </a:r>
                      <a:endParaRPr sz="1200">
                        <a:latin typeface="Meiryo UI"/>
                        <a:cs typeface="Meiryo UI"/>
                      </a:endParaRPr>
                    </a:p>
                  </a:txBody>
                  <a:tcPr marL="0" marR="0" marT="15547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extLst>
                  <a:ext uri="{0D108BD9-81ED-4DB2-BD59-A6C34878D82A}">
                    <a16:rowId xmlns:a16="http://schemas.microsoft.com/office/drawing/2014/main" val="10003"/>
                  </a:ext>
                </a:extLst>
              </a:tr>
              <a:tr h="492901">
                <a:tc vMerge="1">
                  <a:txBody>
                    <a:bodyPr/>
                    <a:lstStyle/>
                    <a:p>
                      <a:endParaRPr/>
                    </a:p>
                  </a:txBody>
                  <a:tcPr marL="0" marR="0" marT="0"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tc>
                  <a:txBody>
                    <a:bodyPr/>
                    <a:lstStyle/>
                    <a:p>
                      <a:pPr marL="260350" marR="161925" indent="-165100">
                        <a:lnSpc>
                          <a:spcPts val="1510"/>
                        </a:lnSpc>
                        <a:spcBef>
                          <a:spcPts val="685"/>
                        </a:spcBef>
                      </a:pPr>
                      <a:r>
                        <a:rPr sz="1200" spc="-10" dirty="0">
                          <a:solidFill>
                            <a:srgbClr val="3B3838"/>
                          </a:solidFill>
                          <a:latin typeface="Meiryo UI"/>
                          <a:cs typeface="Meiryo UI"/>
                        </a:rPr>
                        <a:t>②技術的に実現可能な事業内容となっ</a:t>
                      </a:r>
                      <a:r>
                        <a:rPr sz="1200" spc="-30" dirty="0">
                          <a:solidFill>
                            <a:srgbClr val="3B3838"/>
                          </a:solidFill>
                          <a:latin typeface="Meiryo UI"/>
                          <a:cs typeface="Meiryo UI"/>
                        </a:rPr>
                        <a:t>ているか</a:t>
                      </a:r>
                      <a:endParaRPr sz="1200">
                        <a:latin typeface="Meiryo UI"/>
                        <a:cs typeface="Meiryo UI"/>
                      </a:endParaRPr>
                    </a:p>
                  </a:txBody>
                  <a:tcPr marL="0" marR="0" marT="78887"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a:txBody>
                    <a:bodyPr/>
                    <a:lstStyle/>
                    <a:p>
                      <a:pPr marL="97155" marR="161925">
                        <a:lnSpc>
                          <a:spcPct val="100000"/>
                        </a:lnSpc>
                        <a:spcBef>
                          <a:spcPts val="585"/>
                        </a:spcBef>
                      </a:pPr>
                      <a:r>
                        <a:rPr sz="1200" spc="-30" dirty="0">
                          <a:solidFill>
                            <a:srgbClr val="3B3838"/>
                          </a:solidFill>
                          <a:latin typeface="Meiryo UI"/>
                          <a:cs typeface="Meiryo UI"/>
                        </a:rPr>
                        <a:t>整備等の工法や周辺環境への影響</a:t>
                      </a:r>
                      <a:r>
                        <a:rPr sz="1200" spc="-20" dirty="0">
                          <a:solidFill>
                            <a:srgbClr val="3B3838"/>
                          </a:solidFill>
                          <a:latin typeface="Meiryo UI"/>
                          <a:cs typeface="Meiryo UI"/>
                        </a:rPr>
                        <a:t>（</a:t>
                      </a:r>
                      <a:r>
                        <a:rPr sz="1200" spc="-30" dirty="0">
                          <a:solidFill>
                            <a:srgbClr val="3B3838"/>
                          </a:solidFill>
                          <a:latin typeface="Meiryo UI"/>
                          <a:cs typeface="Meiryo UI"/>
                        </a:rPr>
                        <a:t>用地、補償、交通への影響等</a:t>
                      </a:r>
                      <a:r>
                        <a:rPr sz="1200" spc="-20" dirty="0">
                          <a:solidFill>
                            <a:srgbClr val="3B3838"/>
                          </a:solidFill>
                          <a:latin typeface="Meiryo UI"/>
                          <a:cs typeface="Meiryo UI"/>
                        </a:rPr>
                        <a:t>）</a:t>
                      </a:r>
                      <a:r>
                        <a:rPr sz="1200" spc="-30" dirty="0">
                          <a:solidFill>
                            <a:srgbClr val="3B3838"/>
                          </a:solidFill>
                          <a:latin typeface="Meiryo UI"/>
                          <a:cs typeface="Meiryo UI"/>
                        </a:rPr>
                        <a:t>、事業</a:t>
                      </a:r>
                      <a:r>
                        <a:rPr sz="1200" spc="-35" dirty="0">
                          <a:solidFill>
                            <a:srgbClr val="3B3838"/>
                          </a:solidFill>
                          <a:latin typeface="Meiryo UI"/>
                          <a:cs typeface="Meiryo UI"/>
                        </a:rPr>
                        <a:t>スケジュールにより評価</a:t>
                      </a:r>
                      <a:endParaRPr sz="1200">
                        <a:latin typeface="Meiryo UI"/>
                        <a:cs typeface="Meiryo UI"/>
                      </a:endParaRPr>
                    </a:p>
                  </a:txBody>
                  <a:tcPr marL="0" marR="0" marT="6737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extLst>
                  <a:ext uri="{0D108BD9-81ED-4DB2-BD59-A6C34878D82A}">
                    <a16:rowId xmlns:a16="http://schemas.microsoft.com/office/drawing/2014/main" val="10004"/>
                  </a:ext>
                </a:extLst>
              </a:tr>
              <a:tr h="704802">
                <a:tc vMerge="1">
                  <a:txBody>
                    <a:bodyPr/>
                    <a:lstStyle/>
                    <a:p>
                      <a:endParaRPr/>
                    </a:p>
                  </a:txBody>
                  <a:tcPr marL="0" marR="0" marT="0"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tc>
                  <a:txBody>
                    <a:bodyPr/>
                    <a:lstStyle/>
                    <a:p>
                      <a:pPr marL="260350" marR="160020" indent="-165100" algn="just">
                        <a:lnSpc>
                          <a:spcPts val="1510"/>
                        </a:lnSpc>
                        <a:spcBef>
                          <a:spcPts val="840"/>
                        </a:spcBef>
                      </a:pPr>
                      <a:r>
                        <a:rPr sz="1200" spc="-5" dirty="0">
                          <a:solidFill>
                            <a:srgbClr val="3B3838"/>
                          </a:solidFill>
                          <a:latin typeface="Meiryo UI"/>
                          <a:cs typeface="Meiryo UI"/>
                        </a:rPr>
                        <a:t>③事業者が確保すべき事業の収益性・安全性・継続性が確保された事業内</a:t>
                      </a:r>
                      <a:r>
                        <a:rPr sz="1200" spc="-35" dirty="0">
                          <a:solidFill>
                            <a:srgbClr val="3B3838"/>
                          </a:solidFill>
                          <a:latin typeface="Meiryo UI"/>
                          <a:cs typeface="Meiryo UI"/>
                        </a:rPr>
                        <a:t>容となっているか</a:t>
                      </a:r>
                      <a:endParaRPr sz="1200">
                        <a:latin typeface="Meiryo UI"/>
                        <a:cs typeface="Meiryo UI"/>
                      </a:endParaRPr>
                    </a:p>
                  </a:txBody>
                  <a:tcPr marL="0" marR="0" marT="96738"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a:txBody>
                    <a:bodyPr/>
                    <a:lstStyle/>
                    <a:p>
                      <a:pPr marL="97155">
                        <a:lnSpc>
                          <a:spcPct val="100000"/>
                        </a:lnSpc>
                        <a:spcBef>
                          <a:spcPts val="725"/>
                        </a:spcBef>
                      </a:pPr>
                      <a:r>
                        <a:rPr sz="1200" spc="-30" dirty="0">
                          <a:solidFill>
                            <a:srgbClr val="3B3838"/>
                          </a:solidFill>
                          <a:latin typeface="Meiryo UI"/>
                          <a:cs typeface="Meiryo UI"/>
                        </a:rPr>
                        <a:t>・資金調達計画の妥当性により評価</a:t>
                      </a:r>
                      <a:endParaRPr sz="1200">
                        <a:latin typeface="Meiryo UI"/>
                        <a:cs typeface="Meiryo UI"/>
                      </a:endParaRPr>
                    </a:p>
                    <a:p>
                      <a:pPr marL="97155">
                        <a:lnSpc>
                          <a:spcPts val="1555"/>
                        </a:lnSpc>
                      </a:pPr>
                      <a:r>
                        <a:rPr sz="1200" spc="-10" dirty="0">
                          <a:solidFill>
                            <a:srgbClr val="3B3838"/>
                          </a:solidFill>
                          <a:latin typeface="Meiryo UI"/>
                          <a:cs typeface="Meiryo UI"/>
                        </a:rPr>
                        <a:t>・PIRR、DSCR</a:t>
                      </a:r>
                      <a:r>
                        <a:rPr sz="1200" spc="-30" dirty="0">
                          <a:solidFill>
                            <a:srgbClr val="3B3838"/>
                          </a:solidFill>
                          <a:latin typeface="Meiryo UI"/>
                          <a:cs typeface="Meiryo UI"/>
                        </a:rPr>
                        <a:t>等の各種指標により評価</a:t>
                      </a:r>
                      <a:endParaRPr sz="1200">
                        <a:latin typeface="Meiryo UI"/>
                        <a:cs typeface="Meiryo UI"/>
                      </a:endParaRPr>
                    </a:p>
                    <a:p>
                      <a:pPr marL="97155">
                        <a:lnSpc>
                          <a:spcPts val="1555"/>
                        </a:lnSpc>
                      </a:pPr>
                      <a:r>
                        <a:rPr sz="1200" spc="-30" dirty="0">
                          <a:solidFill>
                            <a:srgbClr val="3B3838"/>
                          </a:solidFill>
                          <a:latin typeface="Meiryo UI"/>
                          <a:cs typeface="Meiryo UI"/>
                        </a:rPr>
                        <a:t>・事業実施体制により評価</a:t>
                      </a:r>
                      <a:endParaRPr sz="1200">
                        <a:latin typeface="Meiryo UI"/>
                        <a:cs typeface="Meiryo UI"/>
                      </a:endParaRPr>
                    </a:p>
                  </a:txBody>
                  <a:tcPr marL="0" marR="0" marT="83494"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extLst>
                  <a:ext uri="{0D108BD9-81ED-4DB2-BD59-A6C34878D82A}">
                    <a16:rowId xmlns:a16="http://schemas.microsoft.com/office/drawing/2014/main" val="10005"/>
                  </a:ext>
                </a:extLst>
              </a:tr>
              <a:tr h="388102">
                <a:tc rowSpan="2">
                  <a:txBody>
                    <a:bodyPr/>
                    <a:lstStyle/>
                    <a:p>
                      <a:pPr>
                        <a:lnSpc>
                          <a:spcPct val="100000"/>
                        </a:lnSpc>
                        <a:spcBef>
                          <a:spcPts val="25"/>
                        </a:spcBef>
                      </a:pPr>
                      <a:endParaRPr sz="1400">
                        <a:latin typeface="Times New Roman"/>
                        <a:cs typeface="Times New Roman"/>
                      </a:endParaRPr>
                    </a:p>
                    <a:p>
                      <a:pPr marL="97155" marR="196215">
                        <a:lnSpc>
                          <a:spcPct val="100000"/>
                        </a:lnSpc>
                      </a:pPr>
                      <a:r>
                        <a:rPr sz="1200" spc="-20" dirty="0">
                          <a:solidFill>
                            <a:srgbClr val="3B3838"/>
                          </a:solidFill>
                          <a:latin typeface="Meiryo UI"/>
                          <a:cs typeface="Meiryo UI"/>
                        </a:rPr>
                        <a:t>３．PFI</a:t>
                      </a:r>
                      <a:r>
                        <a:rPr sz="1200" spc="-30" dirty="0">
                          <a:solidFill>
                            <a:srgbClr val="3B3838"/>
                          </a:solidFill>
                          <a:latin typeface="Meiryo UI"/>
                          <a:cs typeface="Meiryo UI"/>
                        </a:rPr>
                        <a:t>手法を活用すること</a:t>
                      </a:r>
                      <a:r>
                        <a:rPr sz="1200" spc="-35" dirty="0">
                          <a:solidFill>
                            <a:srgbClr val="3B3838"/>
                          </a:solidFill>
                          <a:latin typeface="Meiryo UI"/>
                          <a:cs typeface="Meiryo UI"/>
                        </a:rPr>
                        <a:t>の妥当性</a:t>
                      </a:r>
                      <a:endParaRPr sz="1200">
                        <a:latin typeface="Meiryo UI"/>
                        <a:cs typeface="Meiryo UI"/>
                      </a:endParaRPr>
                    </a:p>
                  </a:txBody>
                  <a:tcPr marL="0" marR="0" marT="2879"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a:txBody>
                    <a:bodyPr/>
                    <a:lstStyle/>
                    <a:p>
                      <a:pPr marL="95885">
                        <a:lnSpc>
                          <a:spcPct val="100000"/>
                        </a:lnSpc>
                        <a:spcBef>
                          <a:spcPts val="885"/>
                        </a:spcBef>
                      </a:pPr>
                      <a:r>
                        <a:rPr sz="1200" spc="-35" dirty="0">
                          <a:solidFill>
                            <a:srgbClr val="3B3838"/>
                          </a:solidFill>
                          <a:latin typeface="Meiryo UI"/>
                          <a:cs typeface="Meiryo UI"/>
                        </a:rPr>
                        <a:t>①サービス向上等が認められるか</a:t>
                      </a:r>
                      <a:endParaRPr sz="1200">
                        <a:latin typeface="Meiryo UI"/>
                        <a:cs typeface="Meiryo UI"/>
                      </a:endParaRPr>
                    </a:p>
                  </a:txBody>
                  <a:tcPr marL="0" marR="0" marT="101920"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tc>
                  <a:txBody>
                    <a:bodyPr/>
                    <a:lstStyle/>
                    <a:p>
                      <a:pPr marL="97155">
                        <a:lnSpc>
                          <a:spcPct val="100000"/>
                        </a:lnSpc>
                        <a:spcBef>
                          <a:spcPts val="894"/>
                        </a:spcBef>
                      </a:pPr>
                      <a:r>
                        <a:rPr sz="1200" spc="-10" dirty="0">
                          <a:solidFill>
                            <a:srgbClr val="3B3838"/>
                          </a:solidFill>
                          <a:latin typeface="Meiryo UI"/>
                          <a:cs typeface="Meiryo UI"/>
                        </a:rPr>
                        <a:t>PFI</a:t>
                      </a:r>
                      <a:r>
                        <a:rPr sz="1200" spc="-35" dirty="0">
                          <a:solidFill>
                            <a:srgbClr val="3B3838"/>
                          </a:solidFill>
                          <a:latin typeface="Meiryo UI"/>
                          <a:cs typeface="Meiryo UI"/>
                        </a:rPr>
                        <a:t>手法の導入による定性的効果により評価</a:t>
                      </a:r>
                      <a:endParaRPr sz="1200">
                        <a:latin typeface="Meiryo UI"/>
                        <a:cs typeface="Meiryo UI"/>
                      </a:endParaRPr>
                    </a:p>
                  </a:txBody>
                  <a:tcPr marL="0" marR="0" marT="10307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extLst>
                  <a:ext uri="{0D108BD9-81ED-4DB2-BD59-A6C34878D82A}">
                    <a16:rowId xmlns:a16="http://schemas.microsoft.com/office/drawing/2014/main" val="10006"/>
                  </a:ext>
                </a:extLst>
              </a:tr>
              <a:tr h="386373">
                <a:tc vMerge="1">
                  <a:txBody>
                    <a:bodyPr/>
                    <a:lstStyle/>
                    <a:p>
                      <a:endParaRPr/>
                    </a:p>
                  </a:txBody>
                  <a:tcPr marL="0" marR="0" marT="317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a:txBody>
                    <a:bodyPr/>
                    <a:lstStyle/>
                    <a:p>
                      <a:pPr marL="95885">
                        <a:lnSpc>
                          <a:spcPct val="100000"/>
                        </a:lnSpc>
                        <a:spcBef>
                          <a:spcPts val="880"/>
                        </a:spcBef>
                      </a:pPr>
                      <a:r>
                        <a:rPr sz="1200" spc="-20" dirty="0">
                          <a:solidFill>
                            <a:srgbClr val="3B3838"/>
                          </a:solidFill>
                          <a:latin typeface="Meiryo UI"/>
                          <a:cs typeface="Meiryo UI"/>
                        </a:rPr>
                        <a:t>②VFM</a:t>
                      </a:r>
                      <a:r>
                        <a:rPr sz="1200" spc="-30" dirty="0">
                          <a:solidFill>
                            <a:srgbClr val="3B3838"/>
                          </a:solidFill>
                          <a:latin typeface="Meiryo UI"/>
                          <a:cs typeface="Meiryo UI"/>
                        </a:rPr>
                        <a:t>が認められるか</a:t>
                      </a:r>
                      <a:endParaRPr sz="1200">
                        <a:latin typeface="Meiryo UI"/>
                        <a:cs typeface="Meiryo UI"/>
                      </a:endParaRPr>
                    </a:p>
                  </a:txBody>
                  <a:tcPr marL="0" marR="0" marT="101344"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tc>
                  <a:txBody>
                    <a:bodyPr/>
                    <a:lstStyle/>
                    <a:p>
                      <a:pPr marL="97155">
                        <a:lnSpc>
                          <a:spcPct val="100000"/>
                        </a:lnSpc>
                        <a:spcBef>
                          <a:spcPts val="894"/>
                        </a:spcBef>
                      </a:pPr>
                      <a:r>
                        <a:rPr sz="1200" spc="-20" dirty="0">
                          <a:solidFill>
                            <a:srgbClr val="3B3838"/>
                          </a:solidFill>
                          <a:latin typeface="Meiryo UI"/>
                          <a:cs typeface="Meiryo UI"/>
                        </a:rPr>
                        <a:t>VFMにより評価</a:t>
                      </a:r>
                      <a:r>
                        <a:rPr sz="1200" spc="-10" dirty="0">
                          <a:solidFill>
                            <a:srgbClr val="3B3838"/>
                          </a:solidFill>
                          <a:latin typeface="Meiryo UI"/>
                          <a:cs typeface="Meiryo UI"/>
                        </a:rPr>
                        <a:t>（PSCとPFI-</a:t>
                      </a:r>
                      <a:r>
                        <a:rPr sz="1200" spc="-20" dirty="0">
                          <a:solidFill>
                            <a:srgbClr val="3B3838"/>
                          </a:solidFill>
                          <a:latin typeface="Meiryo UI"/>
                          <a:cs typeface="Meiryo UI"/>
                        </a:rPr>
                        <a:t>LCC</a:t>
                      </a:r>
                      <a:r>
                        <a:rPr sz="1200" spc="-25" dirty="0">
                          <a:solidFill>
                            <a:srgbClr val="3B3838"/>
                          </a:solidFill>
                          <a:latin typeface="Meiryo UI"/>
                          <a:cs typeface="Meiryo UI"/>
                        </a:rPr>
                        <a:t>の前提条件不一致分の効果は</a:t>
                      </a:r>
                      <a:r>
                        <a:rPr sz="1200" spc="-20" dirty="0">
                          <a:solidFill>
                            <a:srgbClr val="3B3838"/>
                          </a:solidFill>
                          <a:latin typeface="Meiryo UI"/>
                          <a:cs typeface="Meiryo UI"/>
                        </a:rPr>
                        <a:t>4で評価</a:t>
                      </a:r>
                      <a:r>
                        <a:rPr sz="1200" spc="-50" dirty="0">
                          <a:solidFill>
                            <a:srgbClr val="3B3838"/>
                          </a:solidFill>
                          <a:latin typeface="Meiryo UI"/>
                          <a:cs typeface="Meiryo UI"/>
                        </a:rPr>
                        <a:t>）</a:t>
                      </a:r>
                      <a:endParaRPr sz="1200">
                        <a:latin typeface="Meiryo UI"/>
                        <a:cs typeface="Meiryo UI"/>
                      </a:endParaRPr>
                    </a:p>
                  </a:txBody>
                  <a:tcPr marL="0" marR="0" marT="10307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extLst>
                  <a:ext uri="{0D108BD9-81ED-4DB2-BD59-A6C34878D82A}">
                    <a16:rowId xmlns:a16="http://schemas.microsoft.com/office/drawing/2014/main" val="10007"/>
                  </a:ext>
                </a:extLst>
              </a:tr>
              <a:tr h="704226">
                <a:tc>
                  <a:txBody>
                    <a:bodyPr/>
                    <a:lstStyle/>
                    <a:p>
                      <a:pPr>
                        <a:lnSpc>
                          <a:spcPct val="100000"/>
                        </a:lnSpc>
                        <a:spcBef>
                          <a:spcPts val="30"/>
                        </a:spcBef>
                      </a:pPr>
                      <a:endParaRPr sz="1800">
                        <a:latin typeface="Times New Roman"/>
                        <a:cs typeface="Times New Roman"/>
                      </a:endParaRPr>
                    </a:p>
                    <a:p>
                      <a:pPr marL="97155">
                        <a:lnSpc>
                          <a:spcPct val="100000"/>
                        </a:lnSpc>
                      </a:pPr>
                      <a:r>
                        <a:rPr sz="1200" spc="-30" dirty="0">
                          <a:solidFill>
                            <a:srgbClr val="3B3838"/>
                          </a:solidFill>
                          <a:latin typeface="Meiryo UI"/>
                          <a:cs typeface="Meiryo UI"/>
                        </a:rPr>
                        <a:t>４．財政に及ぼす影響</a:t>
                      </a:r>
                      <a:endParaRPr sz="1200">
                        <a:latin typeface="Meiryo UI"/>
                        <a:cs typeface="Meiryo UI"/>
                      </a:endParaRPr>
                    </a:p>
                  </a:txBody>
                  <a:tcPr marL="0" marR="0" marT="345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a:txBody>
                    <a:bodyPr/>
                    <a:lstStyle/>
                    <a:p>
                      <a:pPr marL="95885" marR="160020" algn="just">
                        <a:lnSpc>
                          <a:spcPts val="1510"/>
                        </a:lnSpc>
                        <a:spcBef>
                          <a:spcPts val="840"/>
                        </a:spcBef>
                      </a:pPr>
                      <a:r>
                        <a:rPr sz="1200" spc="-5" dirty="0">
                          <a:solidFill>
                            <a:srgbClr val="3B3838"/>
                          </a:solidFill>
                          <a:latin typeface="Meiryo UI"/>
                          <a:cs typeface="Meiryo UI"/>
                        </a:rPr>
                        <a:t>既存計画や従来方式により実施した場</a:t>
                      </a:r>
                      <a:r>
                        <a:rPr sz="1200" spc="-35" dirty="0">
                          <a:solidFill>
                            <a:srgbClr val="3B3838"/>
                          </a:solidFill>
                          <a:latin typeface="Meiryo UI"/>
                          <a:cs typeface="Meiryo UI"/>
                        </a:rPr>
                        <a:t>合と比較して、合理的な財政負担である</a:t>
                      </a:r>
                      <a:r>
                        <a:rPr sz="1200" spc="-25" dirty="0">
                          <a:solidFill>
                            <a:srgbClr val="3B3838"/>
                          </a:solidFill>
                          <a:latin typeface="Meiryo UI"/>
                          <a:cs typeface="Meiryo UI"/>
                        </a:rPr>
                        <a:t>か、財源確保が可能か</a:t>
                      </a:r>
                      <a:endParaRPr sz="1200">
                        <a:latin typeface="Meiryo UI"/>
                        <a:cs typeface="Meiryo UI"/>
                      </a:endParaRPr>
                    </a:p>
                  </a:txBody>
                  <a:tcPr marL="0" marR="0" marT="96738"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a:txBody>
                    <a:bodyPr/>
                    <a:lstStyle/>
                    <a:p>
                      <a:pPr marL="97155" marR="164465">
                        <a:lnSpc>
                          <a:spcPct val="100000"/>
                        </a:lnSpc>
                        <a:spcBef>
                          <a:spcPts val="715"/>
                        </a:spcBef>
                      </a:pPr>
                      <a:r>
                        <a:rPr sz="1200" spc="-35" dirty="0">
                          <a:solidFill>
                            <a:srgbClr val="3B3838"/>
                          </a:solidFill>
                          <a:latin typeface="Meiryo UI"/>
                          <a:cs typeface="Meiryo UI"/>
                        </a:rPr>
                        <a:t>・既存計画による事業を実施した場合と比較して、財政負担が合理的なもので</a:t>
                      </a:r>
                      <a:r>
                        <a:rPr sz="1200" spc="-30" dirty="0">
                          <a:solidFill>
                            <a:srgbClr val="3B3838"/>
                          </a:solidFill>
                          <a:latin typeface="Meiryo UI"/>
                          <a:cs typeface="Meiryo UI"/>
                        </a:rPr>
                        <a:t>あるかという点</a:t>
                      </a:r>
                      <a:r>
                        <a:rPr sz="1200" spc="-20" dirty="0">
                          <a:solidFill>
                            <a:srgbClr val="3B3838"/>
                          </a:solidFill>
                          <a:latin typeface="Meiryo UI"/>
                          <a:cs typeface="Meiryo UI"/>
                        </a:rPr>
                        <a:t>（</a:t>
                      </a:r>
                      <a:r>
                        <a:rPr sz="1200" spc="-30" dirty="0">
                          <a:solidFill>
                            <a:srgbClr val="3B3838"/>
                          </a:solidFill>
                          <a:latin typeface="Meiryo UI"/>
                          <a:cs typeface="Meiryo UI"/>
                        </a:rPr>
                        <a:t>補助金・交付金等適用の有無を含む</a:t>
                      </a:r>
                      <a:r>
                        <a:rPr sz="1200" spc="-20" dirty="0">
                          <a:solidFill>
                            <a:srgbClr val="3B3838"/>
                          </a:solidFill>
                          <a:latin typeface="Meiryo UI"/>
                          <a:cs typeface="Meiryo UI"/>
                        </a:rPr>
                        <a:t>）</a:t>
                      </a:r>
                      <a:r>
                        <a:rPr sz="1200" spc="-30" dirty="0">
                          <a:solidFill>
                            <a:srgbClr val="3B3838"/>
                          </a:solidFill>
                          <a:latin typeface="Meiryo UI"/>
                          <a:cs typeface="Meiryo UI"/>
                        </a:rPr>
                        <a:t>により評価</a:t>
                      </a:r>
                      <a:endParaRPr sz="1200">
                        <a:latin typeface="Meiryo UI"/>
                        <a:cs typeface="Meiryo UI"/>
                      </a:endParaRPr>
                    </a:p>
                    <a:p>
                      <a:pPr marL="97155">
                        <a:lnSpc>
                          <a:spcPts val="1550"/>
                        </a:lnSpc>
                      </a:pPr>
                      <a:r>
                        <a:rPr sz="1200" spc="-35" dirty="0">
                          <a:solidFill>
                            <a:srgbClr val="3B3838"/>
                          </a:solidFill>
                          <a:latin typeface="Meiryo UI"/>
                          <a:cs typeface="Meiryo UI"/>
                        </a:rPr>
                        <a:t>・市の財政状況・将来見込み・他事業との優先順位等により評価</a:t>
                      </a:r>
                      <a:endParaRPr sz="1200">
                        <a:latin typeface="Meiryo UI"/>
                        <a:cs typeface="Meiryo UI"/>
                      </a:endParaRPr>
                    </a:p>
                  </a:txBody>
                  <a:tcPr marL="0" marR="0" marT="82342"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extLst>
                  <a:ext uri="{0D108BD9-81ED-4DB2-BD59-A6C34878D82A}">
                    <a16:rowId xmlns:a16="http://schemas.microsoft.com/office/drawing/2014/main" val="10008"/>
                  </a:ext>
                </a:extLst>
              </a:tr>
              <a:tr h="492901">
                <a:tc>
                  <a:txBody>
                    <a:bodyPr/>
                    <a:lstStyle/>
                    <a:p>
                      <a:pPr marL="97155" marR="135255">
                        <a:lnSpc>
                          <a:spcPct val="100000"/>
                        </a:lnSpc>
                        <a:spcBef>
                          <a:spcPts val="580"/>
                        </a:spcBef>
                      </a:pPr>
                      <a:r>
                        <a:rPr sz="1200" spc="-30" dirty="0">
                          <a:solidFill>
                            <a:srgbClr val="3B3838"/>
                          </a:solidFill>
                          <a:latin typeface="Meiryo UI"/>
                          <a:cs typeface="Meiryo UI"/>
                        </a:rPr>
                        <a:t>５．他の手法による当該公共施設等の整備等の可能性</a:t>
                      </a:r>
                      <a:endParaRPr sz="1200">
                        <a:latin typeface="Meiryo UI"/>
                        <a:cs typeface="Meiryo UI"/>
                      </a:endParaRPr>
                    </a:p>
                  </a:txBody>
                  <a:tcPr marL="0" marR="0" marT="6679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tc>
                  <a:txBody>
                    <a:bodyPr/>
                    <a:lstStyle/>
                    <a:p>
                      <a:pPr marL="95885" marR="137795">
                        <a:lnSpc>
                          <a:spcPct val="100000"/>
                        </a:lnSpc>
                        <a:spcBef>
                          <a:spcPts val="580"/>
                        </a:spcBef>
                      </a:pPr>
                      <a:r>
                        <a:rPr sz="1200" spc="-25" dirty="0">
                          <a:solidFill>
                            <a:srgbClr val="3B3838"/>
                          </a:solidFill>
                          <a:latin typeface="Meiryo UI"/>
                          <a:cs typeface="Meiryo UI"/>
                        </a:rPr>
                        <a:t>他の</a:t>
                      </a:r>
                      <a:r>
                        <a:rPr sz="1200" spc="-20" dirty="0">
                          <a:solidFill>
                            <a:srgbClr val="3B3838"/>
                          </a:solidFill>
                          <a:latin typeface="Meiryo UI"/>
                          <a:cs typeface="Meiryo UI"/>
                        </a:rPr>
                        <a:t>PPP</a:t>
                      </a:r>
                      <a:r>
                        <a:rPr sz="1200" spc="-35" dirty="0">
                          <a:solidFill>
                            <a:srgbClr val="3B3838"/>
                          </a:solidFill>
                          <a:latin typeface="Meiryo UI"/>
                          <a:cs typeface="Meiryo UI"/>
                        </a:rPr>
                        <a:t>スキームと比較して、提案された</a:t>
                      </a:r>
                      <a:r>
                        <a:rPr sz="1200" spc="-30" dirty="0">
                          <a:solidFill>
                            <a:srgbClr val="3B3838"/>
                          </a:solidFill>
                          <a:latin typeface="Meiryo UI"/>
                          <a:cs typeface="Meiryo UI"/>
                        </a:rPr>
                        <a:t>事業スキームが妥当</a:t>
                      </a:r>
                      <a:r>
                        <a:rPr sz="1200" spc="-20" dirty="0">
                          <a:solidFill>
                            <a:srgbClr val="3B3838"/>
                          </a:solidFill>
                          <a:latin typeface="Meiryo UI"/>
                          <a:cs typeface="Meiryo UI"/>
                        </a:rPr>
                        <a:t>（合理的）</a:t>
                      </a:r>
                      <a:r>
                        <a:rPr sz="1200" spc="-35" dirty="0">
                          <a:solidFill>
                            <a:srgbClr val="3B3838"/>
                          </a:solidFill>
                          <a:latin typeface="Meiryo UI"/>
                          <a:cs typeface="Meiryo UI"/>
                        </a:rPr>
                        <a:t>であるか</a:t>
                      </a:r>
                      <a:endParaRPr sz="1200">
                        <a:latin typeface="Meiryo UI"/>
                        <a:cs typeface="Meiryo UI"/>
                      </a:endParaRPr>
                    </a:p>
                  </a:txBody>
                  <a:tcPr marL="0" marR="0" marT="66795"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tc>
                  <a:txBody>
                    <a:bodyPr/>
                    <a:lstStyle/>
                    <a:p>
                      <a:pPr marL="97155">
                        <a:lnSpc>
                          <a:spcPct val="100000"/>
                        </a:lnSpc>
                        <a:spcBef>
                          <a:spcPts val="1350"/>
                        </a:spcBef>
                      </a:pPr>
                      <a:r>
                        <a:rPr sz="1200" spc="-35" dirty="0">
                          <a:solidFill>
                            <a:srgbClr val="3B3838"/>
                          </a:solidFill>
                          <a:latin typeface="Meiryo UI"/>
                          <a:cs typeface="Meiryo UI"/>
                        </a:rPr>
                        <a:t>他の事業スキームとの比較により評価</a:t>
                      </a:r>
                      <a:endParaRPr sz="1200">
                        <a:latin typeface="Meiryo UI"/>
                        <a:cs typeface="Meiryo UI"/>
                      </a:endParaRPr>
                    </a:p>
                  </a:txBody>
                  <a:tcPr marL="0" marR="0" marT="15547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CFD4E9"/>
                    </a:solidFill>
                  </a:tcPr>
                </a:tc>
                <a:extLst>
                  <a:ext uri="{0D108BD9-81ED-4DB2-BD59-A6C34878D82A}">
                    <a16:rowId xmlns:a16="http://schemas.microsoft.com/office/drawing/2014/main" val="10009"/>
                  </a:ext>
                </a:extLst>
              </a:tr>
              <a:tr h="352401">
                <a:tc rowSpan="2">
                  <a:txBody>
                    <a:bodyPr/>
                    <a:lstStyle/>
                    <a:p>
                      <a:pPr>
                        <a:lnSpc>
                          <a:spcPct val="100000"/>
                        </a:lnSpc>
                      </a:pPr>
                      <a:endParaRPr sz="1200" dirty="0">
                        <a:latin typeface="Times New Roman"/>
                        <a:cs typeface="Times New Roman"/>
                      </a:endParaRPr>
                    </a:p>
                    <a:p>
                      <a:pPr marL="98425" marR="224790">
                        <a:lnSpc>
                          <a:spcPct val="100000"/>
                        </a:lnSpc>
                      </a:pPr>
                      <a:r>
                        <a:rPr sz="1200" spc="-25" dirty="0">
                          <a:solidFill>
                            <a:srgbClr val="3B3838"/>
                          </a:solidFill>
                          <a:latin typeface="Meiryo UI"/>
                          <a:cs typeface="Meiryo UI"/>
                        </a:rPr>
                        <a:t>６．その他</a:t>
                      </a:r>
                      <a:r>
                        <a:rPr sz="1200" spc="-20" dirty="0">
                          <a:solidFill>
                            <a:srgbClr val="3B3838"/>
                          </a:solidFill>
                          <a:latin typeface="Meiryo UI"/>
                          <a:cs typeface="Meiryo UI"/>
                        </a:rPr>
                        <a:t>（</a:t>
                      </a:r>
                      <a:r>
                        <a:rPr sz="1200" spc="-25" dirty="0">
                          <a:solidFill>
                            <a:srgbClr val="3B3838"/>
                          </a:solidFill>
                          <a:latin typeface="Meiryo UI"/>
                          <a:cs typeface="Meiryo UI"/>
                        </a:rPr>
                        <a:t>適宜考慮して検討を実施</a:t>
                      </a:r>
                      <a:r>
                        <a:rPr sz="1200" spc="-50" dirty="0">
                          <a:solidFill>
                            <a:srgbClr val="3B3838"/>
                          </a:solidFill>
                          <a:latin typeface="Meiryo UI"/>
                          <a:cs typeface="Meiryo UI"/>
                        </a:rPr>
                        <a:t>）</a:t>
                      </a:r>
                      <a:endParaRPr sz="1200" dirty="0">
                        <a:latin typeface="Meiryo UI"/>
                        <a:cs typeface="Meiryo UI"/>
                      </a:endParaRPr>
                    </a:p>
                  </a:txBody>
                  <a:tcPr marL="0" marR="0" marT="0"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gridSpan="2">
                  <a:txBody>
                    <a:bodyPr/>
                    <a:lstStyle/>
                    <a:p>
                      <a:pPr marL="97155">
                        <a:lnSpc>
                          <a:spcPct val="100000"/>
                        </a:lnSpc>
                        <a:spcBef>
                          <a:spcPts val="740"/>
                        </a:spcBef>
                      </a:pPr>
                      <a:r>
                        <a:rPr sz="1200" spc="-30" dirty="0">
                          <a:solidFill>
                            <a:srgbClr val="3B3838"/>
                          </a:solidFill>
                          <a:latin typeface="Meiryo UI"/>
                          <a:cs typeface="Meiryo UI"/>
                        </a:rPr>
                        <a:t>①地域活性化に繋がる提案がなされているか</a:t>
                      </a:r>
                      <a:r>
                        <a:rPr sz="1200" spc="-20" dirty="0">
                          <a:solidFill>
                            <a:srgbClr val="3B3838"/>
                          </a:solidFill>
                          <a:latin typeface="Meiryo UI"/>
                          <a:cs typeface="Meiryo UI"/>
                        </a:rPr>
                        <a:t>（</a:t>
                      </a:r>
                      <a:r>
                        <a:rPr sz="1200" spc="-35" dirty="0">
                          <a:solidFill>
                            <a:srgbClr val="3B3838"/>
                          </a:solidFill>
                          <a:latin typeface="Meiryo UI"/>
                          <a:cs typeface="Meiryo UI"/>
                        </a:rPr>
                        <a:t>地元企業の活用・育成に係る提案内容がなされている場合、その内容</a:t>
                      </a:r>
                      <a:r>
                        <a:rPr sz="1200" spc="-50" dirty="0">
                          <a:solidFill>
                            <a:srgbClr val="3B3838"/>
                          </a:solidFill>
                          <a:latin typeface="Meiryo UI"/>
                          <a:cs typeface="Meiryo UI"/>
                        </a:rPr>
                        <a:t>）</a:t>
                      </a:r>
                      <a:endParaRPr sz="1200">
                        <a:latin typeface="Meiryo UI"/>
                        <a:cs typeface="Meiryo UI"/>
                      </a:endParaRPr>
                    </a:p>
                  </a:txBody>
                  <a:tcPr marL="0" marR="0" marT="8522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hMerge="1">
                  <a:txBody>
                    <a:bodyPr/>
                    <a:lstStyle/>
                    <a:p>
                      <a:endParaRPr/>
                    </a:p>
                  </a:txBody>
                  <a:tcPr marL="0" marR="0" marT="0" marB="0"/>
                </a:tc>
                <a:extLst>
                  <a:ext uri="{0D108BD9-81ED-4DB2-BD59-A6C34878D82A}">
                    <a16:rowId xmlns:a16="http://schemas.microsoft.com/office/drawing/2014/main" val="10010"/>
                  </a:ext>
                </a:extLst>
              </a:tr>
              <a:tr h="351825">
                <a:tc vMerge="1">
                  <a:txBody>
                    <a:bodyPr/>
                    <a:lstStyle/>
                    <a:p>
                      <a:endParaRPr/>
                    </a:p>
                  </a:txBody>
                  <a:tcPr marL="0" marR="0" marT="0"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gridSpan="2">
                  <a:txBody>
                    <a:bodyPr/>
                    <a:lstStyle/>
                    <a:p>
                      <a:pPr marL="97155">
                        <a:lnSpc>
                          <a:spcPct val="100000"/>
                        </a:lnSpc>
                        <a:spcBef>
                          <a:spcPts val="740"/>
                        </a:spcBef>
                      </a:pPr>
                      <a:r>
                        <a:rPr sz="1200" spc="-30" dirty="0">
                          <a:solidFill>
                            <a:srgbClr val="3B3838"/>
                          </a:solidFill>
                          <a:latin typeface="Meiryo UI"/>
                          <a:cs typeface="Meiryo UI"/>
                        </a:rPr>
                        <a:t>②ファシリティ・マネジメントの方向性</a:t>
                      </a:r>
                      <a:r>
                        <a:rPr sz="1200" spc="-20" dirty="0">
                          <a:solidFill>
                            <a:srgbClr val="3B3838"/>
                          </a:solidFill>
                          <a:latin typeface="Meiryo UI"/>
                          <a:cs typeface="Meiryo UI"/>
                        </a:rPr>
                        <a:t>（</a:t>
                      </a:r>
                      <a:r>
                        <a:rPr sz="1200" spc="-25" dirty="0">
                          <a:solidFill>
                            <a:srgbClr val="3B3838"/>
                          </a:solidFill>
                          <a:latin typeface="Meiryo UI"/>
                          <a:cs typeface="Meiryo UI"/>
                        </a:rPr>
                        <a:t>管理水準の適正化や総量抑制の観点</a:t>
                      </a:r>
                      <a:r>
                        <a:rPr sz="1200" spc="-20" dirty="0">
                          <a:solidFill>
                            <a:srgbClr val="3B3838"/>
                          </a:solidFill>
                          <a:latin typeface="Meiryo UI"/>
                          <a:cs typeface="Meiryo UI"/>
                        </a:rPr>
                        <a:t>）</a:t>
                      </a:r>
                      <a:r>
                        <a:rPr sz="1200" spc="-35" dirty="0">
                          <a:solidFill>
                            <a:srgbClr val="3B3838"/>
                          </a:solidFill>
                          <a:latin typeface="Meiryo UI"/>
                          <a:cs typeface="Meiryo UI"/>
                        </a:rPr>
                        <a:t>と合致した提案となっているか</a:t>
                      </a:r>
                      <a:endParaRPr sz="1200" dirty="0">
                        <a:latin typeface="Meiryo UI"/>
                        <a:cs typeface="Meiryo UI"/>
                      </a:endParaRPr>
                    </a:p>
                  </a:txBody>
                  <a:tcPr marL="0" marR="0" marT="85221" marB="0">
                    <a:lnL w="19050">
                      <a:solidFill>
                        <a:srgbClr val="FFFFFF"/>
                      </a:solidFill>
                      <a:prstDash val="solid"/>
                    </a:lnL>
                    <a:lnR w="19050">
                      <a:solidFill>
                        <a:srgbClr val="FFFFFF"/>
                      </a:solidFill>
                      <a:prstDash val="solid"/>
                    </a:lnR>
                    <a:lnT w="19050">
                      <a:solidFill>
                        <a:srgbClr val="FFFFFF"/>
                      </a:solidFill>
                      <a:prstDash val="solid"/>
                    </a:lnT>
                    <a:lnB w="19050">
                      <a:solidFill>
                        <a:srgbClr val="FFFFFF"/>
                      </a:solidFill>
                      <a:prstDash val="solid"/>
                    </a:lnB>
                    <a:solidFill>
                      <a:srgbClr val="E8EBF4"/>
                    </a:solidFill>
                  </a:tcPr>
                </a:tc>
                <a:tc hMerge="1">
                  <a:txBody>
                    <a:bodyPr/>
                    <a:lstStyle/>
                    <a:p>
                      <a:endParaRPr/>
                    </a:p>
                  </a:txBody>
                  <a:tcPr marL="0" marR="0" marT="0" marB="0"/>
                </a:tc>
                <a:extLst>
                  <a:ext uri="{0D108BD9-81ED-4DB2-BD59-A6C34878D82A}">
                    <a16:rowId xmlns:a16="http://schemas.microsoft.com/office/drawing/2014/main" val="10011"/>
                  </a:ext>
                </a:extLst>
              </a:tr>
            </a:tbl>
          </a:graphicData>
        </a:graphic>
      </p:graphicFrame>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5915297" y="1359626"/>
            <a:ext cx="4586514" cy="553357"/>
            <a:chOff x="6147815" y="1903476"/>
            <a:chExt cx="6421120" cy="774700"/>
          </a:xfrm>
        </p:grpSpPr>
        <p:sp>
          <p:nvSpPr>
            <p:cNvPr id="3" name="object 3"/>
            <p:cNvSpPr/>
            <p:nvPr/>
          </p:nvSpPr>
          <p:spPr>
            <a:xfrm>
              <a:off x="6152387" y="1908048"/>
              <a:ext cx="6411595" cy="765175"/>
            </a:xfrm>
            <a:custGeom>
              <a:avLst/>
              <a:gdLst/>
              <a:ahLst/>
              <a:cxnLst/>
              <a:rect l="l" t="t" r="r" b="b"/>
              <a:pathLst>
                <a:path w="6411595" h="765175">
                  <a:moveTo>
                    <a:pt x="6355715" y="0"/>
                  </a:moveTo>
                  <a:lnTo>
                    <a:pt x="55752" y="0"/>
                  </a:lnTo>
                  <a:lnTo>
                    <a:pt x="34075" y="4389"/>
                  </a:lnTo>
                  <a:lnTo>
                    <a:pt x="16351" y="16351"/>
                  </a:lnTo>
                  <a:lnTo>
                    <a:pt x="4389" y="34075"/>
                  </a:lnTo>
                  <a:lnTo>
                    <a:pt x="0" y="55752"/>
                  </a:lnTo>
                  <a:lnTo>
                    <a:pt x="0" y="709295"/>
                  </a:lnTo>
                  <a:lnTo>
                    <a:pt x="4389" y="730972"/>
                  </a:lnTo>
                  <a:lnTo>
                    <a:pt x="16351" y="748696"/>
                  </a:lnTo>
                  <a:lnTo>
                    <a:pt x="34075" y="760658"/>
                  </a:lnTo>
                  <a:lnTo>
                    <a:pt x="55752" y="765048"/>
                  </a:lnTo>
                  <a:lnTo>
                    <a:pt x="6355715" y="765048"/>
                  </a:lnTo>
                  <a:lnTo>
                    <a:pt x="6377392" y="760658"/>
                  </a:lnTo>
                  <a:lnTo>
                    <a:pt x="6395116" y="748696"/>
                  </a:lnTo>
                  <a:lnTo>
                    <a:pt x="6407078" y="730972"/>
                  </a:lnTo>
                  <a:lnTo>
                    <a:pt x="6411468" y="709295"/>
                  </a:lnTo>
                  <a:lnTo>
                    <a:pt x="6411468" y="55752"/>
                  </a:lnTo>
                  <a:lnTo>
                    <a:pt x="6407078" y="34075"/>
                  </a:lnTo>
                  <a:lnTo>
                    <a:pt x="6395116" y="16351"/>
                  </a:lnTo>
                  <a:lnTo>
                    <a:pt x="6377392" y="4389"/>
                  </a:lnTo>
                  <a:lnTo>
                    <a:pt x="6355715" y="0"/>
                  </a:lnTo>
                  <a:close/>
                </a:path>
              </a:pathLst>
            </a:custGeom>
            <a:solidFill>
              <a:srgbClr val="DEEBF7"/>
            </a:solidFill>
          </p:spPr>
          <p:txBody>
            <a:bodyPr wrap="square" lIns="0" tIns="0" rIns="0" bIns="0" rtlCol="0"/>
            <a:lstStyle/>
            <a:p>
              <a:endParaRPr sz="1286"/>
            </a:p>
          </p:txBody>
        </p:sp>
        <p:sp>
          <p:nvSpPr>
            <p:cNvPr id="4" name="object 4"/>
            <p:cNvSpPr/>
            <p:nvPr/>
          </p:nvSpPr>
          <p:spPr>
            <a:xfrm>
              <a:off x="6152387" y="1908048"/>
              <a:ext cx="6411595" cy="765175"/>
            </a:xfrm>
            <a:custGeom>
              <a:avLst/>
              <a:gdLst/>
              <a:ahLst/>
              <a:cxnLst/>
              <a:rect l="l" t="t" r="r" b="b"/>
              <a:pathLst>
                <a:path w="6411595" h="765175">
                  <a:moveTo>
                    <a:pt x="0" y="55752"/>
                  </a:moveTo>
                  <a:lnTo>
                    <a:pt x="4389" y="34075"/>
                  </a:lnTo>
                  <a:lnTo>
                    <a:pt x="16351" y="16351"/>
                  </a:lnTo>
                  <a:lnTo>
                    <a:pt x="34075" y="4389"/>
                  </a:lnTo>
                  <a:lnTo>
                    <a:pt x="55752" y="0"/>
                  </a:lnTo>
                  <a:lnTo>
                    <a:pt x="6355715" y="0"/>
                  </a:lnTo>
                  <a:lnTo>
                    <a:pt x="6377392" y="4389"/>
                  </a:lnTo>
                  <a:lnTo>
                    <a:pt x="6395116" y="16351"/>
                  </a:lnTo>
                  <a:lnTo>
                    <a:pt x="6407078" y="34075"/>
                  </a:lnTo>
                  <a:lnTo>
                    <a:pt x="6411468" y="55752"/>
                  </a:lnTo>
                  <a:lnTo>
                    <a:pt x="6411468" y="709295"/>
                  </a:lnTo>
                  <a:lnTo>
                    <a:pt x="6407078" y="730972"/>
                  </a:lnTo>
                  <a:lnTo>
                    <a:pt x="6395116" y="748696"/>
                  </a:lnTo>
                  <a:lnTo>
                    <a:pt x="6377392" y="760658"/>
                  </a:lnTo>
                  <a:lnTo>
                    <a:pt x="6355715" y="765048"/>
                  </a:lnTo>
                  <a:lnTo>
                    <a:pt x="55752" y="765048"/>
                  </a:lnTo>
                  <a:lnTo>
                    <a:pt x="34075" y="760658"/>
                  </a:lnTo>
                  <a:lnTo>
                    <a:pt x="16351" y="748696"/>
                  </a:lnTo>
                  <a:lnTo>
                    <a:pt x="4389" y="730972"/>
                  </a:lnTo>
                  <a:lnTo>
                    <a:pt x="0" y="709295"/>
                  </a:lnTo>
                  <a:lnTo>
                    <a:pt x="0" y="55752"/>
                  </a:lnTo>
                  <a:close/>
                </a:path>
              </a:pathLst>
            </a:custGeom>
            <a:ln w="9144">
              <a:solidFill>
                <a:srgbClr val="9DC3E6"/>
              </a:solidFill>
            </a:ln>
          </p:spPr>
          <p:txBody>
            <a:bodyPr wrap="square" lIns="0" tIns="0" rIns="0" bIns="0" rtlCol="0"/>
            <a:lstStyle/>
            <a:p>
              <a:endParaRPr sz="1286"/>
            </a:p>
          </p:txBody>
        </p:sp>
      </p:grpSp>
      <p:grpSp>
        <p:nvGrpSpPr>
          <p:cNvPr id="5" name="object 5"/>
          <p:cNvGrpSpPr/>
          <p:nvPr/>
        </p:nvGrpSpPr>
        <p:grpSpPr>
          <a:xfrm>
            <a:off x="1664425" y="1353095"/>
            <a:ext cx="3917950" cy="557439"/>
            <a:chOff x="196595" y="1894332"/>
            <a:chExt cx="5485130" cy="780415"/>
          </a:xfrm>
        </p:grpSpPr>
        <p:sp>
          <p:nvSpPr>
            <p:cNvPr id="6" name="object 6"/>
            <p:cNvSpPr/>
            <p:nvPr/>
          </p:nvSpPr>
          <p:spPr>
            <a:xfrm>
              <a:off x="201167" y="1898904"/>
              <a:ext cx="5476240" cy="771525"/>
            </a:xfrm>
            <a:custGeom>
              <a:avLst/>
              <a:gdLst/>
              <a:ahLst/>
              <a:cxnLst/>
              <a:rect l="l" t="t" r="r" b="b"/>
              <a:pathLst>
                <a:path w="5476240" h="771525">
                  <a:moveTo>
                    <a:pt x="5409692" y="0"/>
                  </a:moveTo>
                  <a:lnTo>
                    <a:pt x="66039" y="0"/>
                  </a:lnTo>
                  <a:lnTo>
                    <a:pt x="40333" y="5193"/>
                  </a:lnTo>
                  <a:lnTo>
                    <a:pt x="19342" y="19351"/>
                  </a:lnTo>
                  <a:lnTo>
                    <a:pt x="5189" y="40344"/>
                  </a:lnTo>
                  <a:lnTo>
                    <a:pt x="0" y="66040"/>
                  </a:lnTo>
                  <a:lnTo>
                    <a:pt x="0" y="705103"/>
                  </a:lnTo>
                  <a:lnTo>
                    <a:pt x="5189" y="730799"/>
                  </a:lnTo>
                  <a:lnTo>
                    <a:pt x="19342" y="751792"/>
                  </a:lnTo>
                  <a:lnTo>
                    <a:pt x="40333" y="765950"/>
                  </a:lnTo>
                  <a:lnTo>
                    <a:pt x="66039" y="771144"/>
                  </a:lnTo>
                  <a:lnTo>
                    <a:pt x="5409692" y="771144"/>
                  </a:lnTo>
                  <a:lnTo>
                    <a:pt x="5435387" y="765950"/>
                  </a:lnTo>
                  <a:lnTo>
                    <a:pt x="5456380" y="751792"/>
                  </a:lnTo>
                  <a:lnTo>
                    <a:pt x="5470538" y="730799"/>
                  </a:lnTo>
                  <a:lnTo>
                    <a:pt x="5475732" y="705103"/>
                  </a:lnTo>
                  <a:lnTo>
                    <a:pt x="5475732" y="66040"/>
                  </a:lnTo>
                  <a:lnTo>
                    <a:pt x="5470538" y="40344"/>
                  </a:lnTo>
                  <a:lnTo>
                    <a:pt x="5456380" y="19351"/>
                  </a:lnTo>
                  <a:lnTo>
                    <a:pt x="5435387" y="5193"/>
                  </a:lnTo>
                  <a:lnTo>
                    <a:pt x="5409692" y="0"/>
                  </a:lnTo>
                  <a:close/>
                </a:path>
              </a:pathLst>
            </a:custGeom>
            <a:solidFill>
              <a:srgbClr val="DEEBF7"/>
            </a:solidFill>
          </p:spPr>
          <p:txBody>
            <a:bodyPr wrap="square" lIns="0" tIns="0" rIns="0" bIns="0" rtlCol="0"/>
            <a:lstStyle/>
            <a:p>
              <a:endParaRPr sz="1286"/>
            </a:p>
          </p:txBody>
        </p:sp>
        <p:sp>
          <p:nvSpPr>
            <p:cNvPr id="7" name="object 7"/>
            <p:cNvSpPr/>
            <p:nvPr/>
          </p:nvSpPr>
          <p:spPr>
            <a:xfrm>
              <a:off x="201167" y="1898904"/>
              <a:ext cx="5476240" cy="771525"/>
            </a:xfrm>
            <a:custGeom>
              <a:avLst/>
              <a:gdLst/>
              <a:ahLst/>
              <a:cxnLst/>
              <a:rect l="l" t="t" r="r" b="b"/>
              <a:pathLst>
                <a:path w="5476240" h="771525">
                  <a:moveTo>
                    <a:pt x="0" y="66040"/>
                  </a:moveTo>
                  <a:lnTo>
                    <a:pt x="5189" y="40344"/>
                  </a:lnTo>
                  <a:lnTo>
                    <a:pt x="19342" y="19351"/>
                  </a:lnTo>
                  <a:lnTo>
                    <a:pt x="40333" y="5193"/>
                  </a:lnTo>
                  <a:lnTo>
                    <a:pt x="66039" y="0"/>
                  </a:lnTo>
                  <a:lnTo>
                    <a:pt x="5409692" y="0"/>
                  </a:lnTo>
                  <a:lnTo>
                    <a:pt x="5435387" y="5193"/>
                  </a:lnTo>
                  <a:lnTo>
                    <a:pt x="5456380" y="19351"/>
                  </a:lnTo>
                  <a:lnTo>
                    <a:pt x="5470538" y="40344"/>
                  </a:lnTo>
                  <a:lnTo>
                    <a:pt x="5475732" y="66040"/>
                  </a:lnTo>
                  <a:lnTo>
                    <a:pt x="5475732" y="705103"/>
                  </a:lnTo>
                  <a:lnTo>
                    <a:pt x="5470538" y="730799"/>
                  </a:lnTo>
                  <a:lnTo>
                    <a:pt x="5456380" y="751792"/>
                  </a:lnTo>
                  <a:lnTo>
                    <a:pt x="5435387" y="765950"/>
                  </a:lnTo>
                  <a:lnTo>
                    <a:pt x="5409692" y="771144"/>
                  </a:lnTo>
                  <a:lnTo>
                    <a:pt x="66039" y="771144"/>
                  </a:lnTo>
                  <a:lnTo>
                    <a:pt x="40333" y="765950"/>
                  </a:lnTo>
                  <a:lnTo>
                    <a:pt x="19342" y="751792"/>
                  </a:lnTo>
                  <a:lnTo>
                    <a:pt x="5189" y="730799"/>
                  </a:lnTo>
                  <a:lnTo>
                    <a:pt x="0" y="705103"/>
                  </a:lnTo>
                  <a:lnTo>
                    <a:pt x="0" y="66040"/>
                  </a:lnTo>
                  <a:close/>
                </a:path>
              </a:pathLst>
            </a:custGeom>
            <a:ln w="9144">
              <a:solidFill>
                <a:srgbClr val="9DC3E6"/>
              </a:solidFill>
            </a:ln>
          </p:spPr>
          <p:txBody>
            <a:bodyPr wrap="square" lIns="0" tIns="0" rIns="0" bIns="0" rtlCol="0"/>
            <a:lstStyle/>
            <a:p>
              <a:endParaRPr sz="1286"/>
            </a:p>
          </p:txBody>
        </p:sp>
      </p:grpSp>
      <p:grpSp>
        <p:nvGrpSpPr>
          <p:cNvPr id="8" name="object 8"/>
          <p:cNvGrpSpPr/>
          <p:nvPr/>
        </p:nvGrpSpPr>
        <p:grpSpPr>
          <a:xfrm>
            <a:off x="6753497" y="2221774"/>
            <a:ext cx="3868964" cy="1321706"/>
            <a:chOff x="7321295" y="3110483"/>
            <a:chExt cx="5416550" cy="1850389"/>
          </a:xfrm>
        </p:grpSpPr>
        <p:sp>
          <p:nvSpPr>
            <p:cNvPr id="9" name="object 9"/>
            <p:cNvSpPr/>
            <p:nvPr/>
          </p:nvSpPr>
          <p:spPr>
            <a:xfrm>
              <a:off x="7325867" y="3115055"/>
              <a:ext cx="5407660" cy="1841500"/>
            </a:xfrm>
            <a:custGeom>
              <a:avLst/>
              <a:gdLst/>
              <a:ahLst/>
              <a:cxnLst/>
              <a:rect l="l" t="t" r="r" b="b"/>
              <a:pathLst>
                <a:path w="5407659" h="1841500">
                  <a:moveTo>
                    <a:pt x="5271770" y="0"/>
                  </a:moveTo>
                  <a:lnTo>
                    <a:pt x="135381" y="0"/>
                  </a:lnTo>
                  <a:lnTo>
                    <a:pt x="92577" y="6898"/>
                  </a:lnTo>
                  <a:lnTo>
                    <a:pt x="55412" y="26111"/>
                  </a:lnTo>
                  <a:lnTo>
                    <a:pt x="26111" y="55412"/>
                  </a:lnTo>
                  <a:lnTo>
                    <a:pt x="6898" y="92577"/>
                  </a:lnTo>
                  <a:lnTo>
                    <a:pt x="0" y="135382"/>
                  </a:lnTo>
                  <a:lnTo>
                    <a:pt x="0" y="1705610"/>
                  </a:lnTo>
                  <a:lnTo>
                    <a:pt x="6898" y="1748414"/>
                  </a:lnTo>
                  <a:lnTo>
                    <a:pt x="26111" y="1785579"/>
                  </a:lnTo>
                  <a:lnTo>
                    <a:pt x="55412" y="1814880"/>
                  </a:lnTo>
                  <a:lnTo>
                    <a:pt x="92577" y="1834093"/>
                  </a:lnTo>
                  <a:lnTo>
                    <a:pt x="135381" y="1840992"/>
                  </a:lnTo>
                  <a:lnTo>
                    <a:pt x="5271770" y="1840992"/>
                  </a:lnTo>
                  <a:lnTo>
                    <a:pt x="5314574" y="1834093"/>
                  </a:lnTo>
                  <a:lnTo>
                    <a:pt x="5351739" y="1814880"/>
                  </a:lnTo>
                  <a:lnTo>
                    <a:pt x="5381040" y="1785579"/>
                  </a:lnTo>
                  <a:lnTo>
                    <a:pt x="5400253" y="1748414"/>
                  </a:lnTo>
                  <a:lnTo>
                    <a:pt x="5407152" y="1705610"/>
                  </a:lnTo>
                  <a:lnTo>
                    <a:pt x="5407152" y="135382"/>
                  </a:lnTo>
                  <a:lnTo>
                    <a:pt x="5400253" y="92577"/>
                  </a:lnTo>
                  <a:lnTo>
                    <a:pt x="5381040" y="55412"/>
                  </a:lnTo>
                  <a:lnTo>
                    <a:pt x="5351739" y="26111"/>
                  </a:lnTo>
                  <a:lnTo>
                    <a:pt x="5314574" y="6898"/>
                  </a:lnTo>
                  <a:lnTo>
                    <a:pt x="5271770" y="0"/>
                  </a:lnTo>
                  <a:close/>
                </a:path>
              </a:pathLst>
            </a:custGeom>
            <a:solidFill>
              <a:srgbClr val="DEEBF7"/>
            </a:solidFill>
          </p:spPr>
          <p:txBody>
            <a:bodyPr wrap="square" lIns="0" tIns="0" rIns="0" bIns="0" rtlCol="0"/>
            <a:lstStyle/>
            <a:p>
              <a:endParaRPr sz="1286"/>
            </a:p>
          </p:txBody>
        </p:sp>
        <p:sp>
          <p:nvSpPr>
            <p:cNvPr id="10" name="object 10"/>
            <p:cNvSpPr/>
            <p:nvPr/>
          </p:nvSpPr>
          <p:spPr>
            <a:xfrm>
              <a:off x="7325867" y="3115055"/>
              <a:ext cx="5407660" cy="1841500"/>
            </a:xfrm>
            <a:custGeom>
              <a:avLst/>
              <a:gdLst/>
              <a:ahLst/>
              <a:cxnLst/>
              <a:rect l="l" t="t" r="r" b="b"/>
              <a:pathLst>
                <a:path w="5407659" h="1841500">
                  <a:moveTo>
                    <a:pt x="0" y="135382"/>
                  </a:moveTo>
                  <a:lnTo>
                    <a:pt x="6898" y="92577"/>
                  </a:lnTo>
                  <a:lnTo>
                    <a:pt x="26111" y="55412"/>
                  </a:lnTo>
                  <a:lnTo>
                    <a:pt x="55412" y="26111"/>
                  </a:lnTo>
                  <a:lnTo>
                    <a:pt x="92577" y="6898"/>
                  </a:lnTo>
                  <a:lnTo>
                    <a:pt x="135381" y="0"/>
                  </a:lnTo>
                  <a:lnTo>
                    <a:pt x="5271770" y="0"/>
                  </a:lnTo>
                  <a:lnTo>
                    <a:pt x="5314574" y="6898"/>
                  </a:lnTo>
                  <a:lnTo>
                    <a:pt x="5351739" y="26111"/>
                  </a:lnTo>
                  <a:lnTo>
                    <a:pt x="5381040" y="55412"/>
                  </a:lnTo>
                  <a:lnTo>
                    <a:pt x="5400253" y="92577"/>
                  </a:lnTo>
                  <a:lnTo>
                    <a:pt x="5407152" y="135382"/>
                  </a:lnTo>
                  <a:lnTo>
                    <a:pt x="5407152" y="1705610"/>
                  </a:lnTo>
                  <a:lnTo>
                    <a:pt x="5400253" y="1748414"/>
                  </a:lnTo>
                  <a:lnTo>
                    <a:pt x="5381040" y="1785579"/>
                  </a:lnTo>
                  <a:lnTo>
                    <a:pt x="5351739" y="1814880"/>
                  </a:lnTo>
                  <a:lnTo>
                    <a:pt x="5314574" y="1834093"/>
                  </a:lnTo>
                  <a:lnTo>
                    <a:pt x="5271770" y="1840992"/>
                  </a:lnTo>
                  <a:lnTo>
                    <a:pt x="135381" y="1840992"/>
                  </a:lnTo>
                  <a:lnTo>
                    <a:pt x="92577" y="1834093"/>
                  </a:lnTo>
                  <a:lnTo>
                    <a:pt x="55412" y="1814880"/>
                  </a:lnTo>
                  <a:lnTo>
                    <a:pt x="26111" y="1785579"/>
                  </a:lnTo>
                  <a:lnTo>
                    <a:pt x="6898" y="1748414"/>
                  </a:lnTo>
                  <a:lnTo>
                    <a:pt x="0" y="1705610"/>
                  </a:lnTo>
                  <a:lnTo>
                    <a:pt x="0" y="135382"/>
                  </a:lnTo>
                  <a:close/>
                </a:path>
              </a:pathLst>
            </a:custGeom>
            <a:ln w="9144">
              <a:solidFill>
                <a:srgbClr val="9DC3E6"/>
              </a:solidFill>
            </a:ln>
          </p:spPr>
          <p:txBody>
            <a:bodyPr wrap="square" lIns="0" tIns="0" rIns="0" bIns="0" rtlCol="0"/>
            <a:lstStyle/>
            <a:p>
              <a:endParaRPr sz="1286"/>
            </a:p>
          </p:txBody>
        </p:sp>
      </p:grpSp>
      <p:sp>
        <p:nvSpPr>
          <p:cNvPr id="11" name="object 11"/>
          <p:cNvSpPr/>
          <p:nvPr/>
        </p:nvSpPr>
        <p:spPr>
          <a:xfrm>
            <a:off x="3712028" y="3589020"/>
            <a:ext cx="4717143" cy="175532"/>
          </a:xfrm>
          <a:custGeom>
            <a:avLst/>
            <a:gdLst/>
            <a:ahLst/>
            <a:cxnLst/>
            <a:rect l="l" t="t" r="r" b="b"/>
            <a:pathLst>
              <a:path w="6604000" h="245745">
                <a:moveTo>
                  <a:pt x="5082159" y="0"/>
                </a:moveTo>
                <a:lnTo>
                  <a:pt x="1521333" y="0"/>
                </a:lnTo>
                <a:lnTo>
                  <a:pt x="1521333" y="103632"/>
                </a:lnTo>
                <a:lnTo>
                  <a:pt x="0" y="103632"/>
                </a:lnTo>
                <a:lnTo>
                  <a:pt x="3301746" y="245363"/>
                </a:lnTo>
                <a:lnTo>
                  <a:pt x="6603492" y="103632"/>
                </a:lnTo>
                <a:lnTo>
                  <a:pt x="5082159" y="103632"/>
                </a:lnTo>
                <a:lnTo>
                  <a:pt x="5082159" y="0"/>
                </a:lnTo>
                <a:close/>
              </a:path>
            </a:pathLst>
          </a:custGeom>
          <a:solidFill>
            <a:srgbClr val="BEBEBE"/>
          </a:solidFill>
        </p:spPr>
        <p:txBody>
          <a:bodyPr wrap="square" lIns="0" tIns="0" rIns="0" bIns="0" rtlCol="0"/>
          <a:lstStyle/>
          <a:p>
            <a:endParaRPr sz="1286"/>
          </a:p>
        </p:txBody>
      </p:sp>
      <p:sp>
        <p:nvSpPr>
          <p:cNvPr id="12" name="object 12"/>
          <p:cNvSpPr/>
          <p:nvPr/>
        </p:nvSpPr>
        <p:spPr>
          <a:xfrm>
            <a:off x="7777843" y="5513614"/>
            <a:ext cx="916668" cy="132896"/>
          </a:xfrm>
          <a:custGeom>
            <a:avLst/>
            <a:gdLst/>
            <a:ahLst/>
            <a:cxnLst/>
            <a:rect l="l" t="t" r="r" b="b"/>
            <a:pathLst>
              <a:path w="1283334" h="186054">
                <a:moveTo>
                  <a:pt x="962405" y="0"/>
                </a:moveTo>
                <a:lnTo>
                  <a:pt x="320801" y="0"/>
                </a:lnTo>
                <a:lnTo>
                  <a:pt x="320801" y="92964"/>
                </a:lnTo>
                <a:lnTo>
                  <a:pt x="0" y="92964"/>
                </a:lnTo>
                <a:lnTo>
                  <a:pt x="641603" y="185928"/>
                </a:lnTo>
                <a:lnTo>
                  <a:pt x="1283208" y="92964"/>
                </a:lnTo>
                <a:lnTo>
                  <a:pt x="962405" y="92964"/>
                </a:lnTo>
                <a:lnTo>
                  <a:pt x="962405" y="0"/>
                </a:lnTo>
                <a:close/>
              </a:path>
            </a:pathLst>
          </a:custGeom>
          <a:solidFill>
            <a:srgbClr val="BEBEBE"/>
          </a:solidFill>
        </p:spPr>
        <p:txBody>
          <a:bodyPr wrap="square" lIns="0" tIns="0" rIns="0" bIns="0" rtlCol="0"/>
          <a:lstStyle/>
          <a:p>
            <a:endParaRPr sz="1286"/>
          </a:p>
        </p:txBody>
      </p:sp>
      <p:grpSp>
        <p:nvGrpSpPr>
          <p:cNvPr id="13" name="object 13"/>
          <p:cNvGrpSpPr/>
          <p:nvPr/>
        </p:nvGrpSpPr>
        <p:grpSpPr>
          <a:xfrm>
            <a:off x="5622471" y="3881846"/>
            <a:ext cx="5015139" cy="1588407"/>
            <a:chOff x="5737859" y="5434584"/>
            <a:chExt cx="7021195" cy="2223770"/>
          </a:xfrm>
        </p:grpSpPr>
        <p:sp>
          <p:nvSpPr>
            <p:cNvPr id="14" name="object 14"/>
            <p:cNvSpPr/>
            <p:nvPr/>
          </p:nvSpPr>
          <p:spPr>
            <a:xfrm>
              <a:off x="5740907" y="5437632"/>
              <a:ext cx="7015480" cy="2217420"/>
            </a:xfrm>
            <a:custGeom>
              <a:avLst/>
              <a:gdLst/>
              <a:ahLst/>
              <a:cxnLst/>
              <a:rect l="l" t="t" r="r" b="b"/>
              <a:pathLst>
                <a:path w="7015480" h="2217420">
                  <a:moveTo>
                    <a:pt x="6846823" y="0"/>
                  </a:moveTo>
                  <a:lnTo>
                    <a:pt x="168147" y="0"/>
                  </a:lnTo>
                  <a:lnTo>
                    <a:pt x="123457" y="6008"/>
                  </a:lnTo>
                  <a:lnTo>
                    <a:pt x="83293" y="22963"/>
                  </a:lnTo>
                  <a:lnTo>
                    <a:pt x="49260" y="49260"/>
                  </a:lnTo>
                  <a:lnTo>
                    <a:pt x="22963" y="83293"/>
                  </a:lnTo>
                  <a:lnTo>
                    <a:pt x="6008" y="123457"/>
                  </a:lnTo>
                  <a:lnTo>
                    <a:pt x="0" y="168147"/>
                  </a:lnTo>
                  <a:lnTo>
                    <a:pt x="0" y="2049271"/>
                  </a:lnTo>
                  <a:lnTo>
                    <a:pt x="6008" y="2093962"/>
                  </a:lnTo>
                  <a:lnTo>
                    <a:pt x="22963" y="2134126"/>
                  </a:lnTo>
                  <a:lnTo>
                    <a:pt x="49260" y="2168159"/>
                  </a:lnTo>
                  <a:lnTo>
                    <a:pt x="83293" y="2194456"/>
                  </a:lnTo>
                  <a:lnTo>
                    <a:pt x="123457" y="2211411"/>
                  </a:lnTo>
                  <a:lnTo>
                    <a:pt x="168147" y="2217419"/>
                  </a:lnTo>
                  <a:lnTo>
                    <a:pt x="6846823" y="2217419"/>
                  </a:lnTo>
                  <a:lnTo>
                    <a:pt x="6891514" y="2211411"/>
                  </a:lnTo>
                  <a:lnTo>
                    <a:pt x="6931678" y="2194456"/>
                  </a:lnTo>
                  <a:lnTo>
                    <a:pt x="6965711" y="2168159"/>
                  </a:lnTo>
                  <a:lnTo>
                    <a:pt x="6992008" y="2134126"/>
                  </a:lnTo>
                  <a:lnTo>
                    <a:pt x="7008963" y="2093962"/>
                  </a:lnTo>
                  <a:lnTo>
                    <a:pt x="7014971" y="2049271"/>
                  </a:lnTo>
                  <a:lnTo>
                    <a:pt x="7014971" y="168147"/>
                  </a:lnTo>
                  <a:lnTo>
                    <a:pt x="7008963" y="123457"/>
                  </a:lnTo>
                  <a:lnTo>
                    <a:pt x="6992008" y="83293"/>
                  </a:lnTo>
                  <a:lnTo>
                    <a:pt x="6965711" y="49260"/>
                  </a:lnTo>
                  <a:lnTo>
                    <a:pt x="6931678" y="22963"/>
                  </a:lnTo>
                  <a:lnTo>
                    <a:pt x="6891514" y="6008"/>
                  </a:lnTo>
                  <a:lnTo>
                    <a:pt x="6846823" y="0"/>
                  </a:lnTo>
                  <a:close/>
                </a:path>
              </a:pathLst>
            </a:custGeom>
            <a:solidFill>
              <a:srgbClr val="DEEBF7"/>
            </a:solidFill>
          </p:spPr>
          <p:txBody>
            <a:bodyPr wrap="square" lIns="0" tIns="0" rIns="0" bIns="0" rtlCol="0"/>
            <a:lstStyle/>
            <a:p>
              <a:endParaRPr sz="1286"/>
            </a:p>
          </p:txBody>
        </p:sp>
        <p:sp>
          <p:nvSpPr>
            <p:cNvPr id="15" name="object 15"/>
            <p:cNvSpPr/>
            <p:nvPr/>
          </p:nvSpPr>
          <p:spPr>
            <a:xfrm>
              <a:off x="5740907" y="5437632"/>
              <a:ext cx="7015480" cy="2217420"/>
            </a:xfrm>
            <a:custGeom>
              <a:avLst/>
              <a:gdLst/>
              <a:ahLst/>
              <a:cxnLst/>
              <a:rect l="l" t="t" r="r" b="b"/>
              <a:pathLst>
                <a:path w="7015480" h="2217420">
                  <a:moveTo>
                    <a:pt x="0" y="168147"/>
                  </a:moveTo>
                  <a:lnTo>
                    <a:pt x="6008" y="123457"/>
                  </a:lnTo>
                  <a:lnTo>
                    <a:pt x="22963" y="83293"/>
                  </a:lnTo>
                  <a:lnTo>
                    <a:pt x="49260" y="49260"/>
                  </a:lnTo>
                  <a:lnTo>
                    <a:pt x="83293" y="22963"/>
                  </a:lnTo>
                  <a:lnTo>
                    <a:pt x="123457" y="6008"/>
                  </a:lnTo>
                  <a:lnTo>
                    <a:pt x="168147" y="0"/>
                  </a:lnTo>
                  <a:lnTo>
                    <a:pt x="6846823" y="0"/>
                  </a:lnTo>
                  <a:lnTo>
                    <a:pt x="6891514" y="6008"/>
                  </a:lnTo>
                  <a:lnTo>
                    <a:pt x="6931678" y="22963"/>
                  </a:lnTo>
                  <a:lnTo>
                    <a:pt x="6965711" y="49260"/>
                  </a:lnTo>
                  <a:lnTo>
                    <a:pt x="6992008" y="83293"/>
                  </a:lnTo>
                  <a:lnTo>
                    <a:pt x="7008963" y="123457"/>
                  </a:lnTo>
                  <a:lnTo>
                    <a:pt x="7014971" y="168147"/>
                  </a:lnTo>
                  <a:lnTo>
                    <a:pt x="7014971" y="2049271"/>
                  </a:lnTo>
                  <a:lnTo>
                    <a:pt x="7008963" y="2093962"/>
                  </a:lnTo>
                  <a:lnTo>
                    <a:pt x="6992008" y="2134126"/>
                  </a:lnTo>
                  <a:lnTo>
                    <a:pt x="6965711" y="2168159"/>
                  </a:lnTo>
                  <a:lnTo>
                    <a:pt x="6931678" y="2194456"/>
                  </a:lnTo>
                  <a:lnTo>
                    <a:pt x="6891514" y="2211411"/>
                  </a:lnTo>
                  <a:lnTo>
                    <a:pt x="6846823" y="2217419"/>
                  </a:lnTo>
                  <a:lnTo>
                    <a:pt x="168147" y="2217419"/>
                  </a:lnTo>
                  <a:lnTo>
                    <a:pt x="123457" y="2211411"/>
                  </a:lnTo>
                  <a:lnTo>
                    <a:pt x="83293" y="2194456"/>
                  </a:lnTo>
                  <a:lnTo>
                    <a:pt x="49260" y="2168159"/>
                  </a:lnTo>
                  <a:lnTo>
                    <a:pt x="22963" y="2134126"/>
                  </a:lnTo>
                  <a:lnTo>
                    <a:pt x="6008" y="2093962"/>
                  </a:lnTo>
                  <a:lnTo>
                    <a:pt x="0" y="2049271"/>
                  </a:lnTo>
                  <a:lnTo>
                    <a:pt x="0" y="168147"/>
                  </a:lnTo>
                  <a:close/>
                </a:path>
              </a:pathLst>
            </a:custGeom>
            <a:ln w="6096">
              <a:solidFill>
                <a:srgbClr val="9DC3E6"/>
              </a:solidFill>
            </a:ln>
          </p:spPr>
          <p:txBody>
            <a:bodyPr wrap="square" lIns="0" tIns="0" rIns="0" bIns="0" rtlCol="0"/>
            <a:lstStyle/>
            <a:p>
              <a:endParaRPr sz="1286"/>
            </a:p>
          </p:txBody>
        </p:sp>
      </p:grpSp>
      <p:grpSp>
        <p:nvGrpSpPr>
          <p:cNvPr id="16" name="object 16"/>
          <p:cNvGrpSpPr/>
          <p:nvPr/>
        </p:nvGrpSpPr>
        <p:grpSpPr>
          <a:xfrm>
            <a:off x="1554389" y="816337"/>
            <a:ext cx="5152571" cy="4619171"/>
            <a:chOff x="42544" y="1142872"/>
            <a:chExt cx="7213600" cy="6466840"/>
          </a:xfrm>
        </p:grpSpPr>
        <p:sp>
          <p:nvSpPr>
            <p:cNvPr id="17" name="object 17"/>
            <p:cNvSpPr/>
            <p:nvPr/>
          </p:nvSpPr>
          <p:spPr>
            <a:xfrm>
              <a:off x="45719" y="5417819"/>
              <a:ext cx="5527675" cy="2188845"/>
            </a:xfrm>
            <a:custGeom>
              <a:avLst/>
              <a:gdLst/>
              <a:ahLst/>
              <a:cxnLst/>
              <a:rect l="l" t="t" r="r" b="b"/>
              <a:pathLst>
                <a:path w="5527675" h="2188845">
                  <a:moveTo>
                    <a:pt x="5380482" y="0"/>
                  </a:moveTo>
                  <a:lnTo>
                    <a:pt x="147116" y="0"/>
                  </a:lnTo>
                  <a:lnTo>
                    <a:pt x="100615" y="7504"/>
                  </a:lnTo>
                  <a:lnTo>
                    <a:pt x="60230" y="28395"/>
                  </a:lnTo>
                  <a:lnTo>
                    <a:pt x="28384" y="60240"/>
                  </a:lnTo>
                  <a:lnTo>
                    <a:pt x="7499" y="100608"/>
                  </a:lnTo>
                  <a:lnTo>
                    <a:pt x="0" y="147065"/>
                  </a:lnTo>
                  <a:lnTo>
                    <a:pt x="0" y="2041397"/>
                  </a:lnTo>
                  <a:lnTo>
                    <a:pt x="7499" y="2087855"/>
                  </a:lnTo>
                  <a:lnTo>
                    <a:pt x="28384" y="2128223"/>
                  </a:lnTo>
                  <a:lnTo>
                    <a:pt x="60230" y="2160068"/>
                  </a:lnTo>
                  <a:lnTo>
                    <a:pt x="100615" y="2180959"/>
                  </a:lnTo>
                  <a:lnTo>
                    <a:pt x="147116" y="2188463"/>
                  </a:lnTo>
                  <a:lnTo>
                    <a:pt x="5380482" y="2188463"/>
                  </a:lnTo>
                  <a:lnTo>
                    <a:pt x="5426939" y="2180959"/>
                  </a:lnTo>
                  <a:lnTo>
                    <a:pt x="5467307" y="2160068"/>
                  </a:lnTo>
                  <a:lnTo>
                    <a:pt x="5499152" y="2128223"/>
                  </a:lnTo>
                  <a:lnTo>
                    <a:pt x="5520043" y="2087855"/>
                  </a:lnTo>
                  <a:lnTo>
                    <a:pt x="5527547" y="2041397"/>
                  </a:lnTo>
                  <a:lnTo>
                    <a:pt x="5527547" y="147065"/>
                  </a:lnTo>
                  <a:lnTo>
                    <a:pt x="5520043" y="100608"/>
                  </a:lnTo>
                  <a:lnTo>
                    <a:pt x="5499152" y="60240"/>
                  </a:lnTo>
                  <a:lnTo>
                    <a:pt x="5467307" y="28395"/>
                  </a:lnTo>
                  <a:lnTo>
                    <a:pt x="5426939" y="7504"/>
                  </a:lnTo>
                  <a:lnTo>
                    <a:pt x="5380482" y="0"/>
                  </a:lnTo>
                  <a:close/>
                </a:path>
              </a:pathLst>
            </a:custGeom>
            <a:solidFill>
              <a:srgbClr val="DEEBF7"/>
            </a:solidFill>
          </p:spPr>
          <p:txBody>
            <a:bodyPr wrap="square" lIns="0" tIns="0" rIns="0" bIns="0" rtlCol="0"/>
            <a:lstStyle/>
            <a:p>
              <a:endParaRPr sz="1286"/>
            </a:p>
          </p:txBody>
        </p:sp>
        <p:sp>
          <p:nvSpPr>
            <p:cNvPr id="18" name="object 18"/>
            <p:cNvSpPr/>
            <p:nvPr/>
          </p:nvSpPr>
          <p:spPr>
            <a:xfrm>
              <a:off x="45719" y="5417819"/>
              <a:ext cx="5527675" cy="2188845"/>
            </a:xfrm>
            <a:custGeom>
              <a:avLst/>
              <a:gdLst/>
              <a:ahLst/>
              <a:cxnLst/>
              <a:rect l="l" t="t" r="r" b="b"/>
              <a:pathLst>
                <a:path w="5527675" h="2188845">
                  <a:moveTo>
                    <a:pt x="0" y="147065"/>
                  </a:moveTo>
                  <a:lnTo>
                    <a:pt x="7499" y="100608"/>
                  </a:lnTo>
                  <a:lnTo>
                    <a:pt x="28384" y="60240"/>
                  </a:lnTo>
                  <a:lnTo>
                    <a:pt x="60230" y="28395"/>
                  </a:lnTo>
                  <a:lnTo>
                    <a:pt x="100615" y="7504"/>
                  </a:lnTo>
                  <a:lnTo>
                    <a:pt x="147116" y="0"/>
                  </a:lnTo>
                  <a:lnTo>
                    <a:pt x="5380482" y="0"/>
                  </a:lnTo>
                  <a:lnTo>
                    <a:pt x="5426939" y="7504"/>
                  </a:lnTo>
                  <a:lnTo>
                    <a:pt x="5467307" y="28395"/>
                  </a:lnTo>
                  <a:lnTo>
                    <a:pt x="5499152" y="60240"/>
                  </a:lnTo>
                  <a:lnTo>
                    <a:pt x="5520043" y="100608"/>
                  </a:lnTo>
                  <a:lnTo>
                    <a:pt x="5527547" y="147065"/>
                  </a:lnTo>
                  <a:lnTo>
                    <a:pt x="5527547" y="2041397"/>
                  </a:lnTo>
                  <a:lnTo>
                    <a:pt x="5520043" y="2087855"/>
                  </a:lnTo>
                  <a:lnTo>
                    <a:pt x="5499152" y="2128223"/>
                  </a:lnTo>
                  <a:lnTo>
                    <a:pt x="5467307" y="2160068"/>
                  </a:lnTo>
                  <a:lnTo>
                    <a:pt x="5426939" y="2180959"/>
                  </a:lnTo>
                  <a:lnTo>
                    <a:pt x="5380482" y="2188463"/>
                  </a:lnTo>
                  <a:lnTo>
                    <a:pt x="147116" y="2188463"/>
                  </a:lnTo>
                  <a:lnTo>
                    <a:pt x="100615" y="2180959"/>
                  </a:lnTo>
                  <a:lnTo>
                    <a:pt x="60230" y="2160068"/>
                  </a:lnTo>
                  <a:lnTo>
                    <a:pt x="28384" y="2128223"/>
                  </a:lnTo>
                  <a:lnTo>
                    <a:pt x="7499" y="2087855"/>
                  </a:lnTo>
                  <a:lnTo>
                    <a:pt x="0" y="2041397"/>
                  </a:lnTo>
                  <a:lnTo>
                    <a:pt x="0" y="147065"/>
                  </a:lnTo>
                  <a:close/>
                </a:path>
              </a:pathLst>
            </a:custGeom>
            <a:ln w="6096">
              <a:solidFill>
                <a:srgbClr val="9DC3E6"/>
              </a:solidFill>
            </a:ln>
          </p:spPr>
          <p:txBody>
            <a:bodyPr wrap="square" lIns="0" tIns="0" rIns="0" bIns="0" rtlCol="0"/>
            <a:lstStyle/>
            <a:p>
              <a:endParaRPr sz="1286"/>
            </a:p>
          </p:txBody>
        </p:sp>
        <p:sp>
          <p:nvSpPr>
            <p:cNvPr id="19" name="object 19"/>
            <p:cNvSpPr/>
            <p:nvPr/>
          </p:nvSpPr>
          <p:spPr>
            <a:xfrm>
              <a:off x="54863" y="3115055"/>
              <a:ext cx="7196455" cy="1830705"/>
            </a:xfrm>
            <a:custGeom>
              <a:avLst/>
              <a:gdLst/>
              <a:ahLst/>
              <a:cxnLst/>
              <a:rect l="l" t="t" r="r" b="b"/>
              <a:pathLst>
                <a:path w="7196455" h="1830704">
                  <a:moveTo>
                    <a:pt x="7061708" y="0"/>
                  </a:moveTo>
                  <a:lnTo>
                    <a:pt x="134658" y="0"/>
                  </a:lnTo>
                  <a:lnTo>
                    <a:pt x="92095" y="6868"/>
                  </a:lnTo>
                  <a:lnTo>
                    <a:pt x="55130" y="25989"/>
                  </a:lnTo>
                  <a:lnTo>
                    <a:pt x="25980" y="55138"/>
                  </a:lnTo>
                  <a:lnTo>
                    <a:pt x="6864" y="92090"/>
                  </a:lnTo>
                  <a:lnTo>
                    <a:pt x="0" y="134620"/>
                  </a:lnTo>
                  <a:lnTo>
                    <a:pt x="0" y="1695704"/>
                  </a:lnTo>
                  <a:lnTo>
                    <a:pt x="6864" y="1738233"/>
                  </a:lnTo>
                  <a:lnTo>
                    <a:pt x="25980" y="1775185"/>
                  </a:lnTo>
                  <a:lnTo>
                    <a:pt x="55130" y="1804334"/>
                  </a:lnTo>
                  <a:lnTo>
                    <a:pt x="92095" y="1823455"/>
                  </a:lnTo>
                  <a:lnTo>
                    <a:pt x="134658" y="1830324"/>
                  </a:lnTo>
                  <a:lnTo>
                    <a:pt x="7061708" y="1830324"/>
                  </a:lnTo>
                  <a:lnTo>
                    <a:pt x="7104237" y="1823455"/>
                  </a:lnTo>
                  <a:lnTo>
                    <a:pt x="7141189" y="1804334"/>
                  </a:lnTo>
                  <a:lnTo>
                    <a:pt x="7170338" y="1775185"/>
                  </a:lnTo>
                  <a:lnTo>
                    <a:pt x="7189459" y="1738233"/>
                  </a:lnTo>
                  <a:lnTo>
                    <a:pt x="7196328" y="1695704"/>
                  </a:lnTo>
                  <a:lnTo>
                    <a:pt x="7196328" y="134620"/>
                  </a:lnTo>
                  <a:lnTo>
                    <a:pt x="7189459" y="92090"/>
                  </a:lnTo>
                  <a:lnTo>
                    <a:pt x="7170338" y="55138"/>
                  </a:lnTo>
                  <a:lnTo>
                    <a:pt x="7141189" y="25989"/>
                  </a:lnTo>
                  <a:lnTo>
                    <a:pt x="7104237" y="6868"/>
                  </a:lnTo>
                  <a:lnTo>
                    <a:pt x="7061708" y="0"/>
                  </a:lnTo>
                  <a:close/>
                </a:path>
              </a:pathLst>
            </a:custGeom>
            <a:solidFill>
              <a:srgbClr val="DEEBF7"/>
            </a:solidFill>
          </p:spPr>
          <p:txBody>
            <a:bodyPr wrap="square" lIns="0" tIns="0" rIns="0" bIns="0" rtlCol="0"/>
            <a:lstStyle/>
            <a:p>
              <a:endParaRPr sz="1286"/>
            </a:p>
          </p:txBody>
        </p:sp>
        <p:sp>
          <p:nvSpPr>
            <p:cNvPr id="20" name="object 20"/>
            <p:cNvSpPr/>
            <p:nvPr/>
          </p:nvSpPr>
          <p:spPr>
            <a:xfrm>
              <a:off x="54863" y="3115055"/>
              <a:ext cx="7196455" cy="1830705"/>
            </a:xfrm>
            <a:custGeom>
              <a:avLst/>
              <a:gdLst/>
              <a:ahLst/>
              <a:cxnLst/>
              <a:rect l="l" t="t" r="r" b="b"/>
              <a:pathLst>
                <a:path w="7196455" h="1830704">
                  <a:moveTo>
                    <a:pt x="0" y="134620"/>
                  </a:moveTo>
                  <a:lnTo>
                    <a:pt x="6864" y="92090"/>
                  </a:lnTo>
                  <a:lnTo>
                    <a:pt x="25980" y="55138"/>
                  </a:lnTo>
                  <a:lnTo>
                    <a:pt x="55130" y="25989"/>
                  </a:lnTo>
                  <a:lnTo>
                    <a:pt x="92095" y="6868"/>
                  </a:lnTo>
                  <a:lnTo>
                    <a:pt x="134658" y="0"/>
                  </a:lnTo>
                  <a:lnTo>
                    <a:pt x="7061708" y="0"/>
                  </a:lnTo>
                  <a:lnTo>
                    <a:pt x="7104237" y="6868"/>
                  </a:lnTo>
                  <a:lnTo>
                    <a:pt x="7141189" y="25989"/>
                  </a:lnTo>
                  <a:lnTo>
                    <a:pt x="7170338" y="55138"/>
                  </a:lnTo>
                  <a:lnTo>
                    <a:pt x="7189459" y="92090"/>
                  </a:lnTo>
                  <a:lnTo>
                    <a:pt x="7196328" y="134620"/>
                  </a:lnTo>
                  <a:lnTo>
                    <a:pt x="7196328" y="1695704"/>
                  </a:lnTo>
                  <a:lnTo>
                    <a:pt x="7189459" y="1738233"/>
                  </a:lnTo>
                  <a:lnTo>
                    <a:pt x="7170338" y="1775185"/>
                  </a:lnTo>
                  <a:lnTo>
                    <a:pt x="7141189" y="1804334"/>
                  </a:lnTo>
                  <a:lnTo>
                    <a:pt x="7104237" y="1823455"/>
                  </a:lnTo>
                  <a:lnTo>
                    <a:pt x="7061708" y="1830324"/>
                  </a:lnTo>
                  <a:lnTo>
                    <a:pt x="134658" y="1830324"/>
                  </a:lnTo>
                  <a:lnTo>
                    <a:pt x="92095" y="1823455"/>
                  </a:lnTo>
                  <a:lnTo>
                    <a:pt x="55130" y="1804334"/>
                  </a:lnTo>
                  <a:lnTo>
                    <a:pt x="25980" y="1775185"/>
                  </a:lnTo>
                  <a:lnTo>
                    <a:pt x="6864" y="1738233"/>
                  </a:lnTo>
                  <a:lnTo>
                    <a:pt x="0" y="1695704"/>
                  </a:lnTo>
                  <a:lnTo>
                    <a:pt x="0" y="134620"/>
                  </a:lnTo>
                  <a:close/>
                </a:path>
              </a:pathLst>
            </a:custGeom>
            <a:ln w="9144">
              <a:solidFill>
                <a:srgbClr val="9DC3E6"/>
              </a:solidFill>
            </a:ln>
          </p:spPr>
          <p:txBody>
            <a:bodyPr wrap="square" lIns="0" tIns="0" rIns="0" bIns="0" rtlCol="0"/>
            <a:lstStyle/>
            <a:p>
              <a:endParaRPr sz="1286"/>
            </a:p>
          </p:txBody>
        </p:sp>
        <p:sp>
          <p:nvSpPr>
            <p:cNvPr id="21" name="object 21"/>
            <p:cNvSpPr/>
            <p:nvPr/>
          </p:nvSpPr>
          <p:spPr>
            <a:xfrm>
              <a:off x="71627" y="1146047"/>
              <a:ext cx="5809615" cy="1572895"/>
            </a:xfrm>
            <a:custGeom>
              <a:avLst/>
              <a:gdLst/>
              <a:ahLst/>
              <a:cxnLst/>
              <a:rect l="l" t="t" r="r" b="b"/>
              <a:pathLst>
                <a:path w="5809615" h="1572895">
                  <a:moveTo>
                    <a:pt x="0" y="1572768"/>
                  </a:moveTo>
                  <a:lnTo>
                    <a:pt x="5809488" y="1572768"/>
                  </a:lnTo>
                  <a:lnTo>
                    <a:pt x="5809488" y="0"/>
                  </a:lnTo>
                  <a:lnTo>
                    <a:pt x="0" y="0"/>
                  </a:lnTo>
                  <a:lnTo>
                    <a:pt x="0" y="1572768"/>
                  </a:lnTo>
                  <a:close/>
                </a:path>
              </a:pathLst>
            </a:custGeom>
            <a:ln w="6096">
              <a:solidFill>
                <a:srgbClr val="000000"/>
              </a:solidFill>
            </a:ln>
          </p:spPr>
          <p:txBody>
            <a:bodyPr wrap="square" lIns="0" tIns="0" rIns="0" bIns="0" rtlCol="0"/>
            <a:lstStyle/>
            <a:p>
              <a:endParaRPr sz="1286"/>
            </a:p>
          </p:txBody>
        </p:sp>
      </p:grpSp>
      <p:pic>
        <p:nvPicPr>
          <p:cNvPr id="22" name="object 22"/>
          <p:cNvPicPr/>
          <p:nvPr/>
        </p:nvPicPr>
        <p:blipFill>
          <a:blip r:embed="rId2" cstate="print"/>
          <a:stretch>
            <a:fillRect/>
          </a:stretch>
        </p:blipFill>
        <p:spPr>
          <a:xfrm>
            <a:off x="1556656" y="385354"/>
            <a:ext cx="9078686" cy="63137"/>
          </a:xfrm>
          <a:prstGeom prst="rect">
            <a:avLst/>
          </a:prstGeom>
        </p:spPr>
      </p:pic>
      <p:sp>
        <p:nvSpPr>
          <p:cNvPr id="23" name="object 23"/>
          <p:cNvSpPr txBox="1"/>
          <p:nvPr/>
        </p:nvSpPr>
        <p:spPr>
          <a:xfrm>
            <a:off x="1579154" y="-11248"/>
            <a:ext cx="5462361" cy="141055"/>
          </a:xfrm>
          <a:prstGeom prst="rect">
            <a:avLst/>
          </a:prstGeom>
        </p:spPr>
        <p:txBody>
          <a:bodyPr vert="horz" wrap="square" lIns="0" tIns="9071" rIns="0" bIns="0" rtlCol="0">
            <a:spAutoFit/>
          </a:bodyPr>
          <a:lstStyle/>
          <a:p>
            <a:pPr marL="9072">
              <a:spcBef>
                <a:spcPts val="71"/>
              </a:spcBef>
            </a:pPr>
            <a:r>
              <a:rPr sz="857" spc="-11" dirty="0">
                <a:latin typeface="ＭＳ Ｐゴシック"/>
                <a:cs typeface="ＭＳ Ｐゴシック"/>
              </a:rPr>
              <a:t>ＰＦＩ法に基づく実施方針策定のご提案 </a:t>
            </a:r>
            <a:r>
              <a:rPr sz="857" dirty="0">
                <a:latin typeface="ＭＳ Ｐゴシック"/>
                <a:cs typeface="ＭＳ Ｐゴシック"/>
              </a:rPr>
              <a:t>（</a:t>
            </a:r>
            <a:r>
              <a:rPr sz="857" spc="-7" dirty="0">
                <a:latin typeface="ＭＳ Ｐゴシック"/>
                <a:cs typeface="ＭＳ Ｐゴシック"/>
              </a:rPr>
              <a:t>パシフィックコンサルタンツ株式会社・株式会社 熊谷組・株式会社横河ブリッジ</a:t>
            </a:r>
            <a:r>
              <a:rPr sz="857" spc="-36" dirty="0">
                <a:latin typeface="ＭＳ Ｐゴシック"/>
                <a:cs typeface="ＭＳ Ｐゴシック"/>
              </a:rPr>
              <a:t>）</a:t>
            </a:r>
            <a:endParaRPr sz="857">
              <a:latin typeface="ＭＳ Ｐゴシック"/>
              <a:cs typeface="ＭＳ Ｐゴシック"/>
            </a:endParaRPr>
          </a:p>
        </p:txBody>
      </p:sp>
      <p:sp>
        <p:nvSpPr>
          <p:cNvPr id="24" name="object 24"/>
          <p:cNvSpPr txBox="1">
            <a:spLocks noGrp="1"/>
          </p:cNvSpPr>
          <p:nvPr>
            <p:ph type="title"/>
          </p:nvPr>
        </p:nvSpPr>
        <p:spPr>
          <a:xfrm>
            <a:off x="106680" y="-109537"/>
            <a:ext cx="11917680" cy="776421"/>
          </a:xfrm>
          <a:prstGeom prst="rect">
            <a:avLst/>
          </a:prstGeom>
        </p:spPr>
        <p:txBody>
          <a:bodyPr vert="horz" wrap="square" lIns="0" tIns="9071" rIns="0" bIns="0" rtlCol="0" anchor="ctr">
            <a:spAutoFit/>
          </a:bodyPr>
          <a:lstStyle/>
          <a:p>
            <a:pPr marL="9072">
              <a:lnSpc>
                <a:spcPct val="100000"/>
              </a:lnSpc>
              <a:spcBef>
                <a:spcPts val="71"/>
              </a:spcBef>
            </a:pPr>
            <a:r>
              <a:rPr sz="3200" spc="-21" dirty="0"/>
              <a:t>橋梁更新及び包括維持管理ＰＦＩ事業のご提案 </a:t>
            </a:r>
            <a:r>
              <a:rPr sz="1786" i="1" spc="-150" dirty="0">
                <a:solidFill>
                  <a:srgbClr val="C00000"/>
                </a:solidFill>
                <a:latin typeface="ＭＳ Ｐゴシック"/>
                <a:cs typeface="ＭＳ Ｐゴシック"/>
              </a:rPr>
              <a:t>～富山市が始める、富山市から始まる</a:t>
            </a:r>
            <a:r>
              <a:rPr sz="1786" i="1" spc="-36" dirty="0">
                <a:solidFill>
                  <a:srgbClr val="C00000"/>
                </a:solidFill>
                <a:latin typeface="ＭＳ Ｐゴシック"/>
                <a:cs typeface="ＭＳ Ｐゴシック"/>
              </a:rPr>
              <a:t>～</a:t>
            </a:r>
            <a:endParaRPr sz="1786" dirty="0">
              <a:latin typeface="ＭＳ Ｐゴシック"/>
              <a:cs typeface="ＭＳ Ｐゴシック"/>
            </a:endParaRPr>
          </a:p>
        </p:txBody>
      </p:sp>
      <p:sp>
        <p:nvSpPr>
          <p:cNvPr id="25" name="object 25"/>
          <p:cNvSpPr txBox="1"/>
          <p:nvPr/>
        </p:nvSpPr>
        <p:spPr>
          <a:xfrm>
            <a:off x="1824300" y="794447"/>
            <a:ext cx="2971800" cy="552341"/>
          </a:xfrm>
          <a:prstGeom prst="rect">
            <a:avLst/>
          </a:prstGeom>
        </p:spPr>
        <p:txBody>
          <a:bodyPr vert="horz" wrap="square" lIns="0" tIns="48079" rIns="0" bIns="0" rtlCol="0">
            <a:spAutoFit/>
          </a:bodyPr>
          <a:lstStyle/>
          <a:p>
            <a:pPr marL="9072">
              <a:spcBef>
                <a:spcPts val="379"/>
              </a:spcBef>
            </a:pPr>
            <a:r>
              <a:rPr sz="1143" spc="-21" dirty="0">
                <a:solidFill>
                  <a:srgbClr val="1F3863"/>
                </a:solidFill>
                <a:latin typeface="HGPｺﾞｼｯｸE"/>
                <a:cs typeface="HGPｺﾞｼｯｸE"/>
              </a:rPr>
              <a:t>① 大量の要修繕橋梁への対応</a:t>
            </a:r>
            <a:endParaRPr sz="1143">
              <a:latin typeface="HGPｺﾞｼｯｸE"/>
              <a:cs typeface="HGPｺﾞｼｯｸE"/>
            </a:endParaRPr>
          </a:p>
          <a:p>
            <a:pPr marL="34019">
              <a:spcBef>
                <a:spcPts val="236"/>
              </a:spcBef>
            </a:pPr>
            <a:r>
              <a:rPr sz="857" spc="7" dirty="0">
                <a:latin typeface="ＭＳ Ｐゴシック"/>
                <a:cs typeface="ＭＳ Ｐゴシック"/>
              </a:rPr>
              <a:t>・ 多くの老朽化橋梁が存在 ／ ・ 必要額に対する予算の不足</a:t>
            </a:r>
            <a:endParaRPr sz="857">
              <a:latin typeface="ＭＳ Ｐゴシック"/>
              <a:cs typeface="ＭＳ Ｐゴシック"/>
            </a:endParaRPr>
          </a:p>
          <a:p>
            <a:pPr marL="34019">
              <a:spcBef>
                <a:spcPts val="257"/>
              </a:spcBef>
            </a:pPr>
            <a:r>
              <a:rPr sz="857" spc="64" dirty="0">
                <a:latin typeface="ＭＳ Ｐゴシック"/>
                <a:cs typeface="ＭＳ Ｐゴシック"/>
              </a:rPr>
              <a:t>・ 投資</a:t>
            </a:r>
            <a:r>
              <a:rPr sz="857" dirty="0">
                <a:latin typeface="ＭＳ Ｐゴシック"/>
                <a:cs typeface="ＭＳ Ｐゴシック"/>
              </a:rPr>
              <a:t>（措置）</a:t>
            </a:r>
            <a:r>
              <a:rPr sz="857" spc="-11" dirty="0">
                <a:latin typeface="ＭＳ Ｐゴシック"/>
                <a:cs typeface="ＭＳ Ｐゴシック"/>
              </a:rPr>
              <a:t>による効果が十分に発揮されていない懸念</a:t>
            </a:r>
            <a:endParaRPr sz="857">
              <a:latin typeface="ＭＳ Ｐゴシック"/>
              <a:cs typeface="ＭＳ Ｐゴシック"/>
            </a:endParaRPr>
          </a:p>
        </p:txBody>
      </p:sp>
      <p:pic>
        <p:nvPicPr>
          <p:cNvPr id="26" name="object 26"/>
          <p:cNvPicPr/>
          <p:nvPr/>
        </p:nvPicPr>
        <p:blipFill>
          <a:blip r:embed="rId3" cstate="print"/>
          <a:stretch>
            <a:fillRect/>
          </a:stretch>
        </p:blipFill>
        <p:spPr>
          <a:xfrm>
            <a:off x="1524000" y="497477"/>
            <a:ext cx="2295797" cy="447403"/>
          </a:xfrm>
          <a:prstGeom prst="rect">
            <a:avLst/>
          </a:prstGeom>
        </p:spPr>
      </p:pic>
      <p:sp>
        <p:nvSpPr>
          <p:cNvPr id="27" name="object 27"/>
          <p:cNvSpPr txBox="1"/>
          <p:nvPr/>
        </p:nvSpPr>
        <p:spPr>
          <a:xfrm>
            <a:off x="1633800" y="560070"/>
            <a:ext cx="2052411" cy="250435"/>
          </a:xfrm>
          <a:prstGeom prst="rect">
            <a:avLst/>
          </a:prstGeom>
        </p:spPr>
        <p:txBody>
          <a:bodyPr vert="horz" wrap="square" lIns="0" tIns="8618" rIns="0" bIns="0" rtlCol="0">
            <a:spAutoFit/>
          </a:bodyPr>
          <a:lstStyle/>
          <a:p>
            <a:pPr marL="9072">
              <a:spcBef>
                <a:spcPts val="68"/>
              </a:spcBef>
            </a:pPr>
            <a:r>
              <a:rPr sz="1571" spc="-25" dirty="0">
                <a:latin typeface="HGP創英角ｺﾞｼｯｸUB"/>
                <a:cs typeface="HGP創英角ｺﾞｼｯｸUB"/>
              </a:rPr>
              <a:t>１．主要課題と解決方策</a:t>
            </a:r>
            <a:endParaRPr sz="1571" dirty="0">
              <a:latin typeface="HGP創英角ｺﾞｼｯｸUB"/>
              <a:cs typeface="HGP創英角ｺﾞｼｯｸUB"/>
            </a:endParaRPr>
          </a:p>
        </p:txBody>
      </p:sp>
      <p:grpSp>
        <p:nvGrpSpPr>
          <p:cNvPr id="28" name="object 28"/>
          <p:cNvGrpSpPr/>
          <p:nvPr/>
        </p:nvGrpSpPr>
        <p:grpSpPr>
          <a:xfrm>
            <a:off x="1546769" y="5737769"/>
            <a:ext cx="3969204" cy="1113064"/>
            <a:chOff x="31876" y="8032877"/>
            <a:chExt cx="5556885" cy="1558290"/>
          </a:xfrm>
        </p:grpSpPr>
        <p:sp>
          <p:nvSpPr>
            <p:cNvPr id="29" name="object 29"/>
            <p:cNvSpPr/>
            <p:nvPr/>
          </p:nvSpPr>
          <p:spPr>
            <a:xfrm>
              <a:off x="46481" y="8047482"/>
              <a:ext cx="5527675" cy="1529080"/>
            </a:xfrm>
            <a:custGeom>
              <a:avLst/>
              <a:gdLst/>
              <a:ahLst/>
              <a:cxnLst/>
              <a:rect l="l" t="t" r="r" b="b"/>
              <a:pathLst>
                <a:path w="5527675" h="1529079">
                  <a:moveTo>
                    <a:pt x="5427471" y="0"/>
                  </a:moveTo>
                  <a:lnTo>
                    <a:pt x="100101" y="0"/>
                  </a:lnTo>
                  <a:lnTo>
                    <a:pt x="61137" y="7868"/>
                  </a:lnTo>
                  <a:lnTo>
                    <a:pt x="29319" y="29321"/>
                  </a:lnTo>
                  <a:lnTo>
                    <a:pt x="7866" y="61132"/>
                  </a:lnTo>
                  <a:lnTo>
                    <a:pt x="0" y="100076"/>
                  </a:lnTo>
                  <a:lnTo>
                    <a:pt x="0" y="1428465"/>
                  </a:lnTo>
                  <a:lnTo>
                    <a:pt x="7866" y="1467431"/>
                  </a:lnTo>
                  <a:lnTo>
                    <a:pt x="29319" y="1499251"/>
                  </a:lnTo>
                  <a:lnTo>
                    <a:pt x="61137" y="1520705"/>
                  </a:lnTo>
                  <a:lnTo>
                    <a:pt x="100101" y="1528572"/>
                  </a:lnTo>
                  <a:lnTo>
                    <a:pt x="5427471" y="1528572"/>
                  </a:lnTo>
                  <a:lnTo>
                    <a:pt x="5466415" y="1520705"/>
                  </a:lnTo>
                  <a:lnTo>
                    <a:pt x="5498226" y="1499251"/>
                  </a:lnTo>
                  <a:lnTo>
                    <a:pt x="5519679" y="1467431"/>
                  </a:lnTo>
                  <a:lnTo>
                    <a:pt x="5527547" y="1428465"/>
                  </a:lnTo>
                  <a:lnTo>
                    <a:pt x="5527547" y="100076"/>
                  </a:lnTo>
                  <a:lnTo>
                    <a:pt x="5519679" y="61132"/>
                  </a:lnTo>
                  <a:lnTo>
                    <a:pt x="5498226" y="29321"/>
                  </a:lnTo>
                  <a:lnTo>
                    <a:pt x="5466415" y="7868"/>
                  </a:lnTo>
                  <a:lnTo>
                    <a:pt x="5427471" y="0"/>
                  </a:lnTo>
                  <a:close/>
                </a:path>
              </a:pathLst>
            </a:custGeom>
            <a:solidFill>
              <a:srgbClr val="DEEBF7"/>
            </a:solidFill>
          </p:spPr>
          <p:txBody>
            <a:bodyPr wrap="square" lIns="0" tIns="0" rIns="0" bIns="0" rtlCol="0"/>
            <a:lstStyle/>
            <a:p>
              <a:endParaRPr sz="1286"/>
            </a:p>
          </p:txBody>
        </p:sp>
        <p:sp>
          <p:nvSpPr>
            <p:cNvPr id="30" name="object 30"/>
            <p:cNvSpPr/>
            <p:nvPr/>
          </p:nvSpPr>
          <p:spPr>
            <a:xfrm>
              <a:off x="46481" y="8047482"/>
              <a:ext cx="5527675" cy="1529080"/>
            </a:xfrm>
            <a:custGeom>
              <a:avLst/>
              <a:gdLst/>
              <a:ahLst/>
              <a:cxnLst/>
              <a:rect l="l" t="t" r="r" b="b"/>
              <a:pathLst>
                <a:path w="5527675" h="1529079">
                  <a:moveTo>
                    <a:pt x="0" y="100076"/>
                  </a:moveTo>
                  <a:lnTo>
                    <a:pt x="7866" y="61132"/>
                  </a:lnTo>
                  <a:lnTo>
                    <a:pt x="29319" y="29321"/>
                  </a:lnTo>
                  <a:lnTo>
                    <a:pt x="61137" y="7868"/>
                  </a:lnTo>
                  <a:lnTo>
                    <a:pt x="100101" y="0"/>
                  </a:lnTo>
                  <a:lnTo>
                    <a:pt x="5427471" y="0"/>
                  </a:lnTo>
                  <a:lnTo>
                    <a:pt x="5466415" y="7868"/>
                  </a:lnTo>
                  <a:lnTo>
                    <a:pt x="5498226" y="29321"/>
                  </a:lnTo>
                  <a:lnTo>
                    <a:pt x="5519679" y="61132"/>
                  </a:lnTo>
                  <a:lnTo>
                    <a:pt x="5527547" y="100076"/>
                  </a:lnTo>
                  <a:lnTo>
                    <a:pt x="5527547" y="1428465"/>
                  </a:lnTo>
                  <a:lnTo>
                    <a:pt x="5519679" y="1467431"/>
                  </a:lnTo>
                  <a:lnTo>
                    <a:pt x="5498226" y="1499251"/>
                  </a:lnTo>
                  <a:lnTo>
                    <a:pt x="5466415" y="1520705"/>
                  </a:lnTo>
                  <a:lnTo>
                    <a:pt x="5427471" y="1528572"/>
                  </a:lnTo>
                  <a:lnTo>
                    <a:pt x="100101" y="1528572"/>
                  </a:lnTo>
                  <a:lnTo>
                    <a:pt x="61137" y="1520705"/>
                  </a:lnTo>
                  <a:lnTo>
                    <a:pt x="29319" y="1499251"/>
                  </a:lnTo>
                  <a:lnTo>
                    <a:pt x="7866" y="1467431"/>
                  </a:lnTo>
                  <a:lnTo>
                    <a:pt x="0" y="1428465"/>
                  </a:lnTo>
                  <a:lnTo>
                    <a:pt x="0" y="100076"/>
                  </a:lnTo>
                  <a:close/>
                </a:path>
              </a:pathLst>
            </a:custGeom>
            <a:ln w="28956">
              <a:solidFill>
                <a:srgbClr val="2E5496"/>
              </a:solidFill>
            </a:ln>
          </p:spPr>
          <p:txBody>
            <a:bodyPr wrap="square" lIns="0" tIns="0" rIns="0" bIns="0" rtlCol="0"/>
            <a:lstStyle/>
            <a:p>
              <a:endParaRPr sz="1286"/>
            </a:p>
          </p:txBody>
        </p:sp>
      </p:grpSp>
      <p:sp>
        <p:nvSpPr>
          <p:cNvPr id="31" name="object 31"/>
          <p:cNvSpPr txBox="1"/>
          <p:nvPr/>
        </p:nvSpPr>
        <p:spPr>
          <a:xfrm>
            <a:off x="1633800" y="5770155"/>
            <a:ext cx="3645807" cy="1073105"/>
          </a:xfrm>
          <a:prstGeom prst="rect">
            <a:avLst/>
          </a:prstGeom>
        </p:spPr>
        <p:txBody>
          <a:bodyPr vert="horz" wrap="square" lIns="0" tIns="37646" rIns="0" bIns="0" rtlCol="0">
            <a:spAutoFit/>
          </a:bodyPr>
          <a:lstStyle/>
          <a:p>
            <a:pPr marL="9072">
              <a:spcBef>
                <a:spcPts val="296"/>
              </a:spcBef>
            </a:pPr>
            <a:r>
              <a:rPr sz="1143" dirty="0">
                <a:solidFill>
                  <a:srgbClr val="1F3863"/>
                </a:solidFill>
                <a:latin typeface="HGPｺﾞｼｯｸE"/>
                <a:cs typeface="HGPｺﾞｼｯｸE"/>
              </a:rPr>
              <a:t>(1</a:t>
            </a:r>
            <a:r>
              <a:rPr sz="1143" spc="-18" dirty="0">
                <a:solidFill>
                  <a:srgbClr val="1F3863"/>
                </a:solidFill>
                <a:latin typeface="HGPｺﾞｼｯｸE"/>
                <a:cs typeface="HGPｺﾞｼｯｸE"/>
              </a:rPr>
              <a:t>) 小・大規模修繕を含む橋梁包括管理業務 </a:t>
            </a:r>
            <a:r>
              <a:rPr sz="857" spc="-4" dirty="0">
                <a:solidFill>
                  <a:srgbClr val="1F3863"/>
                </a:solidFill>
                <a:latin typeface="HGPｺﾞｼｯｸE"/>
                <a:cs typeface="HGPｺﾞｼｯｸE"/>
              </a:rPr>
              <a:t>＜期間：</a:t>
            </a:r>
            <a:r>
              <a:rPr sz="857" spc="-7" dirty="0">
                <a:solidFill>
                  <a:srgbClr val="1F3863"/>
                </a:solidFill>
                <a:latin typeface="HGPｺﾞｼｯｸE"/>
                <a:cs typeface="HGPｺﾞｼｯｸE"/>
              </a:rPr>
              <a:t>25</a:t>
            </a:r>
            <a:r>
              <a:rPr sz="857" spc="-14" dirty="0">
                <a:solidFill>
                  <a:srgbClr val="1F3863"/>
                </a:solidFill>
                <a:latin typeface="HGPｺﾞｼｯｸE"/>
                <a:cs typeface="HGPｺﾞｼｯｸE"/>
              </a:rPr>
              <a:t>年間＞</a:t>
            </a:r>
            <a:endParaRPr sz="857">
              <a:latin typeface="HGPｺﾞｼｯｸE"/>
              <a:cs typeface="HGPｺﾞｼｯｸE"/>
            </a:endParaRPr>
          </a:p>
          <a:p>
            <a:pPr marL="9072">
              <a:spcBef>
                <a:spcPts val="203"/>
              </a:spcBef>
            </a:pPr>
            <a:r>
              <a:rPr sz="1000" spc="-11" dirty="0">
                <a:latin typeface="ＭＳ ゴシック"/>
                <a:cs typeface="ＭＳ ゴシック"/>
              </a:rPr>
              <a:t>【事業費の縮減効果】・</a:t>
            </a:r>
            <a:r>
              <a:rPr sz="1000" u="sng" dirty="0">
                <a:solidFill>
                  <a:srgbClr val="C00000"/>
                </a:solidFill>
                <a:uFill>
                  <a:solidFill>
                    <a:srgbClr val="C00000"/>
                  </a:solidFill>
                </a:uFill>
                <a:latin typeface="ＭＳ ゴシック"/>
                <a:cs typeface="ＭＳ ゴシック"/>
              </a:rPr>
              <a:t>約</a:t>
            </a:r>
            <a:r>
              <a:rPr sz="1000" u="sng" spc="-7" dirty="0">
                <a:solidFill>
                  <a:srgbClr val="C00000"/>
                </a:solidFill>
                <a:uFill>
                  <a:solidFill>
                    <a:srgbClr val="C00000"/>
                  </a:solidFill>
                </a:uFill>
                <a:latin typeface="ＭＳ ゴシック"/>
                <a:cs typeface="ＭＳ ゴシック"/>
              </a:rPr>
              <a:t>5%</a:t>
            </a:r>
            <a:r>
              <a:rPr sz="1000" u="sng" spc="-18" dirty="0">
                <a:solidFill>
                  <a:srgbClr val="C00000"/>
                </a:solidFill>
                <a:uFill>
                  <a:solidFill>
                    <a:srgbClr val="C00000"/>
                  </a:solidFill>
                </a:uFill>
                <a:latin typeface="ＭＳ ゴシック"/>
                <a:cs typeface="ＭＳ ゴシック"/>
              </a:rPr>
              <a:t>縮減</a:t>
            </a:r>
            <a:endParaRPr sz="1000">
              <a:latin typeface="ＭＳ ゴシック"/>
              <a:cs typeface="ＭＳ ゴシック"/>
            </a:endParaRPr>
          </a:p>
          <a:p>
            <a:pPr marL="9072">
              <a:spcBef>
                <a:spcPts val="214"/>
              </a:spcBef>
            </a:pPr>
            <a:r>
              <a:rPr sz="1000" spc="-11" dirty="0">
                <a:latin typeface="ＭＳ ゴシック"/>
                <a:cs typeface="ＭＳ ゴシック"/>
              </a:rPr>
              <a:t>【その他効果】 ・やるべきこと</a:t>
            </a:r>
            <a:r>
              <a:rPr sz="714" spc="-7" dirty="0">
                <a:latin typeface="ＭＳ ゴシック"/>
                <a:cs typeface="ＭＳ ゴシック"/>
              </a:rPr>
              <a:t>（</a:t>
            </a:r>
            <a:r>
              <a:rPr sz="714" spc="-4" dirty="0">
                <a:latin typeface="ＭＳ ゴシック"/>
                <a:cs typeface="ＭＳ ゴシック"/>
              </a:rPr>
              <a:t>予算</a:t>
            </a:r>
            <a:r>
              <a:rPr sz="714" spc="-11" dirty="0">
                <a:latin typeface="ＭＳ ゴシック"/>
                <a:cs typeface="ＭＳ ゴシック"/>
              </a:rPr>
              <a:t>･</a:t>
            </a:r>
            <a:r>
              <a:rPr sz="714" spc="-4" dirty="0">
                <a:latin typeface="ＭＳ ゴシック"/>
                <a:cs typeface="ＭＳ ゴシック"/>
              </a:rPr>
              <a:t>箇所</a:t>
            </a:r>
            <a:r>
              <a:rPr sz="714" dirty="0">
                <a:latin typeface="ＭＳ ゴシック"/>
                <a:cs typeface="ＭＳ ゴシック"/>
              </a:rPr>
              <a:t>･</a:t>
            </a:r>
            <a:r>
              <a:rPr sz="714" spc="-7" dirty="0">
                <a:latin typeface="ＭＳ ゴシック"/>
                <a:cs typeface="ＭＳ ゴシック"/>
              </a:rPr>
              <a:t>時期）</a:t>
            </a:r>
            <a:r>
              <a:rPr sz="1000" dirty="0">
                <a:latin typeface="ＭＳ ゴシック"/>
                <a:cs typeface="ＭＳ ゴシック"/>
              </a:rPr>
              <a:t>の明確化</a:t>
            </a:r>
            <a:r>
              <a:rPr sz="1000" spc="-14" dirty="0">
                <a:latin typeface="ＭＳ ゴシック"/>
                <a:cs typeface="ＭＳ ゴシック"/>
              </a:rPr>
              <a:t>･最適化</a:t>
            </a:r>
            <a:endParaRPr sz="1000">
              <a:latin typeface="ＭＳ ゴシック"/>
              <a:cs typeface="ＭＳ ゴシック"/>
            </a:endParaRPr>
          </a:p>
          <a:p>
            <a:pPr marL="967034">
              <a:spcBef>
                <a:spcPts val="75"/>
              </a:spcBef>
            </a:pPr>
            <a:r>
              <a:rPr sz="1000" dirty="0">
                <a:latin typeface="ＭＳ ゴシック"/>
                <a:cs typeface="ＭＳ ゴシック"/>
              </a:rPr>
              <a:t>・</a:t>
            </a:r>
            <a:r>
              <a:rPr sz="1000" u="sng" spc="-14" dirty="0">
                <a:solidFill>
                  <a:srgbClr val="C00000"/>
                </a:solidFill>
                <a:uFill>
                  <a:solidFill>
                    <a:srgbClr val="C00000"/>
                  </a:solidFill>
                </a:uFill>
                <a:latin typeface="ＭＳ ゴシック"/>
                <a:cs typeface="ＭＳ ゴシック"/>
              </a:rPr>
              <a:t>行政コスト・作業の最小化</a:t>
            </a:r>
            <a:endParaRPr sz="1000">
              <a:latin typeface="ＭＳ ゴシック"/>
              <a:cs typeface="ＭＳ ゴシック"/>
            </a:endParaRPr>
          </a:p>
          <a:p>
            <a:pPr marL="967034">
              <a:spcBef>
                <a:spcPts val="68"/>
              </a:spcBef>
            </a:pPr>
            <a:r>
              <a:rPr sz="1000" spc="-4" dirty="0">
                <a:latin typeface="ＭＳ ゴシック"/>
                <a:cs typeface="ＭＳ ゴシック"/>
              </a:rPr>
              <a:t>・管理の効率化</a:t>
            </a:r>
            <a:r>
              <a:rPr sz="1000" spc="-7" dirty="0">
                <a:latin typeface="ＭＳ ゴシック"/>
                <a:cs typeface="ＭＳ ゴシック"/>
              </a:rPr>
              <a:t>･</a:t>
            </a:r>
            <a:r>
              <a:rPr sz="1000" spc="-11" dirty="0">
                <a:latin typeface="ＭＳ ゴシック"/>
                <a:cs typeface="ＭＳ ゴシック"/>
              </a:rPr>
              <a:t>高度化による</a:t>
            </a:r>
            <a:r>
              <a:rPr sz="1000" u="sng" spc="-14" dirty="0">
                <a:solidFill>
                  <a:srgbClr val="C00000"/>
                </a:solidFill>
                <a:uFill>
                  <a:solidFill>
                    <a:srgbClr val="C00000"/>
                  </a:solidFill>
                </a:uFill>
                <a:latin typeface="ＭＳ ゴシック"/>
                <a:cs typeface="ＭＳ ゴシック"/>
              </a:rPr>
              <a:t>安全安心の確保</a:t>
            </a:r>
            <a:endParaRPr sz="1000">
              <a:latin typeface="ＭＳ ゴシック"/>
              <a:cs typeface="ＭＳ ゴシック"/>
            </a:endParaRPr>
          </a:p>
          <a:p>
            <a:pPr marL="967034">
              <a:spcBef>
                <a:spcPts val="71"/>
              </a:spcBef>
            </a:pPr>
            <a:r>
              <a:rPr sz="1000" spc="-14" dirty="0">
                <a:latin typeface="ＭＳ ゴシック"/>
                <a:cs typeface="ＭＳ ゴシック"/>
              </a:rPr>
              <a:t>・単年度予算による非効率の回避</a:t>
            </a:r>
            <a:endParaRPr sz="1000">
              <a:latin typeface="ＭＳ ゴシック"/>
              <a:cs typeface="ＭＳ ゴシック"/>
            </a:endParaRPr>
          </a:p>
        </p:txBody>
      </p:sp>
      <p:sp>
        <p:nvSpPr>
          <p:cNvPr id="32" name="object 32"/>
          <p:cNvSpPr/>
          <p:nvPr/>
        </p:nvSpPr>
        <p:spPr>
          <a:xfrm>
            <a:off x="5821680" y="4254136"/>
            <a:ext cx="2206625" cy="1186543"/>
          </a:xfrm>
          <a:custGeom>
            <a:avLst/>
            <a:gdLst/>
            <a:ahLst/>
            <a:cxnLst/>
            <a:rect l="l" t="t" r="r" b="b"/>
            <a:pathLst>
              <a:path w="3089275" h="1661159">
                <a:moveTo>
                  <a:pt x="3089148" y="0"/>
                </a:moveTo>
                <a:lnTo>
                  <a:pt x="0" y="0"/>
                </a:lnTo>
                <a:lnTo>
                  <a:pt x="0" y="1661160"/>
                </a:lnTo>
                <a:lnTo>
                  <a:pt x="3089148" y="1661160"/>
                </a:lnTo>
                <a:lnTo>
                  <a:pt x="3089148" y="0"/>
                </a:lnTo>
                <a:close/>
              </a:path>
            </a:pathLst>
          </a:custGeom>
          <a:solidFill>
            <a:srgbClr val="FFFFFF"/>
          </a:solidFill>
        </p:spPr>
        <p:txBody>
          <a:bodyPr wrap="square" lIns="0" tIns="0" rIns="0" bIns="0" rtlCol="0"/>
          <a:lstStyle/>
          <a:p>
            <a:endParaRPr sz="1286"/>
          </a:p>
        </p:txBody>
      </p:sp>
      <p:sp>
        <p:nvSpPr>
          <p:cNvPr id="33" name="object 33"/>
          <p:cNvSpPr txBox="1"/>
          <p:nvPr/>
        </p:nvSpPr>
        <p:spPr>
          <a:xfrm>
            <a:off x="5821680" y="4254137"/>
            <a:ext cx="2206625" cy="449757"/>
          </a:xfrm>
          <a:prstGeom prst="rect">
            <a:avLst/>
          </a:prstGeom>
          <a:ln w="6096">
            <a:solidFill>
              <a:srgbClr val="000000"/>
            </a:solidFill>
          </a:ln>
        </p:spPr>
        <p:txBody>
          <a:bodyPr vert="horz" wrap="square" lIns="0" tIns="39007" rIns="0" bIns="0" rtlCol="0">
            <a:spAutoFit/>
          </a:bodyPr>
          <a:lstStyle/>
          <a:p>
            <a:pPr marL="76202" marR="2025237" algn="just">
              <a:lnSpc>
                <a:spcPts val="786"/>
              </a:lnSpc>
              <a:spcBef>
                <a:spcPts val="307"/>
              </a:spcBef>
            </a:pPr>
            <a:r>
              <a:rPr sz="786" spc="-36" dirty="0">
                <a:latin typeface="HG丸ｺﾞｼｯｸM-PRO"/>
                <a:cs typeface="HG丸ｺﾞｼｯｸM-PRO"/>
              </a:rPr>
              <a:t>従来手法</a:t>
            </a:r>
            <a:endParaRPr sz="786">
              <a:latin typeface="HG丸ｺﾞｼｯｸM-PRO"/>
              <a:cs typeface="HG丸ｺﾞｼｯｸM-PRO"/>
            </a:endParaRPr>
          </a:p>
        </p:txBody>
      </p:sp>
      <p:grpSp>
        <p:nvGrpSpPr>
          <p:cNvPr id="34" name="object 34"/>
          <p:cNvGrpSpPr/>
          <p:nvPr/>
        </p:nvGrpSpPr>
        <p:grpSpPr>
          <a:xfrm>
            <a:off x="5614761" y="5737769"/>
            <a:ext cx="5031921" cy="1113064"/>
            <a:chOff x="5727065" y="8032877"/>
            <a:chExt cx="7044690" cy="1558290"/>
          </a:xfrm>
        </p:grpSpPr>
        <p:sp>
          <p:nvSpPr>
            <p:cNvPr id="35" name="object 35"/>
            <p:cNvSpPr/>
            <p:nvPr/>
          </p:nvSpPr>
          <p:spPr>
            <a:xfrm>
              <a:off x="5741670" y="8047482"/>
              <a:ext cx="7015480" cy="1529080"/>
            </a:xfrm>
            <a:custGeom>
              <a:avLst/>
              <a:gdLst/>
              <a:ahLst/>
              <a:cxnLst/>
              <a:rect l="l" t="t" r="r" b="b"/>
              <a:pathLst>
                <a:path w="7015480" h="1529079">
                  <a:moveTo>
                    <a:pt x="6890893" y="0"/>
                  </a:moveTo>
                  <a:lnTo>
                    <a:pt x="124078" y="0"/>
                  </a:lnTo>
                  <a:lnTo>
                    <a:pt x="75813" y="9761"/>
                  </a:lnTo>
                  <a:lnTo>
                    <a:pt x="36369" y="36369"/>
                  </a:lnTo>
                  <a:lnTo>
                    <a:pt x="9761" y="75813"/>
                  </a:lnTo>
                  <a:lnTo>
                    <a:pt x="0" y="124079"/>
                  </a:lnTo>
                  <a:lnTo>
                    <a:pt x="0" y="1404467"/>
                  </a:lnTo>
                  <a:lnTo>
                    <a:pt x="9761" y="1452774"/>
                  </a:lnTo>
                  <a:lnTo>
                    <a:pt x="36369" y="1492222"/>
                  </a:lnTo>
                  <a:lnTo>
                    <a:pt x="75813" y="1518819"/>
                  </a:lnTo>
                  <a:lnTo>
                    <a:pt x="124078" y="1528572"/>
                  </a:lnTo>
                  <a:lnTo>
                    <a:pt x="6890893" y="1528572"/>
                  </a:lnTo>
                  <a:lnTo>
                    <a:pt x="6939158" y="1518819"/>
                  </a:lnTo>
                  <a:lnTo>
                    <a:pt x="6978602" y="1492222"/>
                  </a:lnTo>
                  <a:lnTo>
                    <a:pt x="7005210" y="1452774"/>
                  </a:lnTo>
                  <a:lnTo>
                    <a:pt x="7014972" y="1404467"/>
                  </a:lnTo>
                  <a:lnTo>
                    <a:pt x="7014972" y="124079"/>
                  </a:lnTo>
                  <a:lnTo>
                    <a:pt x="7005210" y="75813"/>
                  </a:lnTo>
                  <a:lnTo>
                    <a:pt x="6978602" y="36369"/>
                  </a:lnTo>
                  <a:lnTo>
                    <a:pt x="6939158" y="9761"/>
                  </a:lnTo>
                  <a:lnTo>
                    <a:pt x="6890893" y="0"/>
                  </a:lnTo>
                  <a:close/>
                </a:path>
              </a:pathLst>
            </a:custGeom>
            <a:solidFill>
              <a:srgbClr val="DEEBF7"/>
            </a:solidFill>
          </p:spPr>
          <p:txBody>
            <a:bodyPr wrap="square" lIns="0" tIns="0" rIns="0" bIns="0" rtlCol="0"/>
            <a:lstStyle/>
            <a:p>
              <a:endParaRPr sz="1286"/>
            </a:p>
          </p:txBody>
        </p:sp>
        <p:sp>
          <p:nvSpPr>
            <p:cNvPr id="36" name="object 36"/>
            <p:cNvSpPr/>
            <p:nvPr/>
          </p:nvSpPr>
          <p:spPr>
            <a:xfrm>
              <a:off x="5741670" y="8047482"/>
              <a:ext cx="7015480" cy="1529080"/>
            </a:xfrm>
            <a:custGeom>
              <a:avLst/>
              <a:gdLst/>
              <a:ahLst/>
              <a:cxnLst/>
              <a:rect l="l" t="t" r="r" b="b"/>
              <a:pathLst>
                <a:path w="7015480" h="1529079">
                  <a:moveTo>
                    <a:pt x="0" y="124079"/>
                  </a:moveTo>
                  <a:lnTo>
                    <a:pt x="9761" y="75813"/>
                  </a:lnTo>
                  <a:lnTo>
                    <a:pt x="36369" y="36369"/>
                  </a:lnTo>
                  <a:lnTo>
                    <a:pt x="75813" y="9761"/>
                  </a:lnTo>
                  <a:lnTo>
                    <a:pt x="124078" y="0"/>
                  </a:lnTo>
                  <a:lnTo>
                    <a:pt x="6890893" y="0"/>
                  </a:lnTo>
                  <a:lnTo>
                    <a:pt x="6939158" y="9761"/>
                  </a:lnTo>
                  <a:lnTo>
                    <a:pt x="6978602" y="36369"/>
                  </a:lnTo>
                  <a:lnTo>
                    <a:pt x="7005210" y="75813"/>
                  </a:lnTo>
                  <a:lnTo>
                    <a:pt x="7014972" y="124079"/>
                  </a:lnTo>
                  <a:lnTo>
                    <a:pt x="7014972" y="1404467"/>
                  </a:lnTo>
                  <a:lnTo>
                    <a:pt x="7005210" y="1452774"/>
                  </a:lnTo>
                  <a:lnTo>
                    <a:pt x="6978602" y="1492222"/>
                  </a:lnTo>
                  <a:lnTo>
                    <a:pt x="6939158" y="1518819"/>
                  </a:lnTo>
                  <a:lnTo>
                    <a:pt x="6890893" y="1528572"/>
                  </a:lnTo>
                  <a:lnTo>
                    <a:pt x="124078" y="1528572"/>
                  </a:lnTo>
                  <a:lnTo>
                    <a:pt x="75813" y="1518819"/>
                  </a:lnTo>
                  <a:lnTo>
                    <a:pt x="36369" y="1492222"/>
                  </a:lnTo>
                  <a:lnTo>
                    <a:pt x="9761" y="1452774"/>
                  </a:lnTo>
                  <a:lnTo>
                    <a:pt x="0" y="1404467"/>
                  </a:lnTo>
                  <a:lnTo>
                    <a:pt x="0" y="124079"/>
                  </a:lnTo>
                  <a:close/>
                </a:path>
              </a:pathLst>
            </a:custGeom>
            <a:ln w="28956">
              <a:solidFill>
                <a:srgbClr val="2E5496"/>
              </a:solidFill>
            </a:ln>
          </p:spPr>
          <p:txBody>
            <a:bodyPr wrap="square" lIns="0" tIns="0" rIns="0" bIns="0" rtlCol="0"/>
            <a:lstStyle/>
            <a:p>
              <a:endParaRPr sz="1286"/>
            </a:p>
          </p:txBody>
        </p:sp>
      </p:grpSp>
      <p:sp>
        <p:nvSpPr>
          <p:cNvPr id="37" name="object 37"/>
          <p:cNvSpPr txBox="1"/>
          <p:nvPr/>
        </p:nvSpPr>
        <p:spPr>
          <a:xfrm>
            <a:off x="5693773" y="5775162"/>
            <a:ext cx="3737429" cy="393432"/>
          </a:xfrm>
          <a:prstGeom prst="rect">
            <a:avLst/>
          </a:prstGeom>
        </p:spPr>
        <p:txBody>
          <a:bodyPr vert="horz" wrap="square" lIns="0" tIns="37646" rIns="0" bIns="0" rtlCol="0">
            <a:spAutoFit/>
          </a:bodyPr>
          <a:lstStyle/>
          <a:p>
            <a:pPr marL="9072">
              <a:spcBef>
                <a:spcPts val="296"/>
              </a:spcBef>
            </a:pPr>
            <a:r>
              <a:rPr sz="1143" dirty="0">
                <a:solidFill>
                  <a:srgbClr val="1F3863"/>
                </a:solidFill>
                <a:latin typeface="HGPｺﾞｼｯｸE"/>
                <a:cs typeface="HGPｺﾞｼｯｸE"/>
              </a:rPr>
              <a:t>(2</a:t>
            </a:r>
            <a:r>
              <a:rPr sz="1143" spc="-18" dirty="0">
                <a:solidFill>
                  <a:srgbClr val="1F3863"/>
                </a:solidFill>
                <a:latin typeface="HGPｺﾞｼｯｸE"/>
                <a:cs typeface="HGPｺﾞｼｯｸE"/>
              </a:rPr>
              <a:t>) 大規模更新事業</a:t>
            </a:r>
            <a:r>
              <a:rPr sz="1143" spc="-7" dirty="0">
                <a:solidFill>
                  <a:srgbClr val="1F3863"/>
                </a:solidFill>
                <a:latin typeface="HGPｺﾞｼｯｸE"/>
                <a:cs typeface="HGPｺﾞｼｯｸE"/>
              </a:rPr>
              <a:t>（</a:t>
            </a:r>
            <a:r>
              <a:rPr sz="1143" spc="-18" dirty="0">
                <a:solidFill>
                  <a:srgbClr val="1F3863"/>
                </a:solidFill>
                <a:latin typeface="HGPｺﾞｼｯｸE"/>
                <a:cs typeface="HGPｺﾞｼｯｸE"/>
              </a:rPr>
              <a:t>神通大橋</a:t>
            </a:r>
            <a:r>
              <a:rPr sz="1143" dirty="0">
                <a:solidFill>
                  <a:srgbClr val="1F3863"/>
                </a:solidFill>
                <a:latin typeface="HGPｺﾞｼｯｸE"/>
                <a:cs typeface="HGPｺﾞｼｯｸE"/>
              </a:rPr>
              <a:t>）</a:t>
            </a:r>
            <a:r>
              <a:rPr sz="1143" spc="54" dirty="0">
                <a:solidFill>
                  <a:srgbClr val="1F3863"/>
                </a:solidFill>
                <a:latin typeface="HGPｺﾞｼｯｸE"/>
                <a:cs typeface="HGPｺﾞｼｯｸE"/>
              </a:rPr>
              <a:t> </a:t>
            </a:r>
            <a:r>
              <a:rPr sz="857" spc="-4" dirty="0">
                <a:solidFill>
                  <a:srgbClr val="1F3863"/>
                </a:solidFill>
                <a:latin typeface="HGPｺﾞｼｯｸE"/>
                <a:cs typeface="HGPｺﾞｼｯｸE"/>
              </a:rPr>
              <a:t>＜期間：</a:t>
            </a:r>
            <a:r>
              <a:rPr sz="857" spc="-7" dirty="0">
                <a:solidFill>
                  <a:srgbClr val="1F3863"/>
                </a:solidFill>
                <a:latin typeface="HGPｺﾞｼｯｸE"/>
                <a:cs typeface="HGPｺﾞｼｯｸE"/>
              </a:rPr>
              <a:t>25</a:t>
            </a:r>
            <a:r>
              <a:rPr sz="857" dirty="0">
                <a:solidFill>
                  <a:srgbClr val="1F3863"/>
                </a:solidFill>
                <a:latin typeface="HGPｺﾞｼｯｸE"/>
                <a:cs typeface="HGPｺﾞｼｯｸE"/>
              </a:rPr>
              <a:t>年間（建設＋維持管理</a:t>
            </a:r>
            <a:r>
              <a:rPr sz="857" spc="-18" dirty="0">
                <a:solidFill>
                  <a:srgbClr val="1F3863"/>
                </a:solidFill>
                <a:latin typeface="HGPｺﾞｼｯｸE"/>
                <a:cs typeface="HGPｺﾞｼｯｸE"/>
              </a:rPr>
              <a:t>）＞</a:t>
            </a:r>
            <a:endParaRPr sz="857">
              <a:latin typeface="HGPｺﾞｼｯｸE"/>
              <a:cs typeface="HGPｺﾞｼｯｸE"/>
            </a:endParaRPr>
          </a:p>
          <a:p>
            <a:pPr marL="9072">
              <a:spcBef>
                <a:spcPts val="203"/>
              </a:spcBef>
            </a:pPr>
            <a:r>
              <a:rPr sz="1000" spc="-7" dirty="0">
                <a:latin typeface="ＭＳ ゴシック"/>
                <a:cs typeface="ＭＳ ゴシック"/>
              </a:rPr>
              <a:t>【事業費の縮減効果】・</a:t>
            </a:r>
            <a:r>
              <a:rPr sz="1000" u="sng" dirty="0">
                <a:solidFill>
                  <a:srgbClr val="C00000"/>
                </a:solidFill>
                <a:uFill>
                  <a:solidFill>
                    <a:srgbClr val="C00000"/>
                  </a:solidFill>
                </a:uFill>
                <a:latin typeface="ＭＳ ゴシック"/>
                <a:cs typeface="ＭＳ ゴシック"/>
              </a:rPr>
              <a:t>約</a:t>
            </a:r>
            <a:r>
              <a:rPr sz="1000" u="sng" spc="-7" dirty="0">
                <a:solidFill>
                  <a:srgbClr val="C00000"/>
                </a:solidFill>
                <a:uFill>
                  <a:solidFill>
                    <a:srgbClr val="C00000"/>
                  </a:solidFill>
                </a:uFill>
                <a:latin typeface="ＭＳ ゴシック"/>
                <a:cs typeface="ＭＳ ゴシック"/>
              </a:rPr>
              <a:t>24</a:t>
            </a:r>
            <a:r>
              <a:rPr sz="1000" u="sng" spc="-21" dirty="0">
                <a:solidFill>
                  <a:srgbClr val="C00000"/>
                </a:solidFill>
                <a:uFill>
                  <a:solidFill>
                    <a:srgbClr val="C00000"/>
                  </a:solidFill>
                </a:uFill>
                <a:latin typeface="ＭＳ ゴシック"/>
                <a:cs typeface="ＭＳ ゴシック"/>
              </a:rPr>
              <a:t>％縮減</a:t>
            </a:r>
            <a:endParaRPr sz="1000">
              <a:latin typeface="ＭＳ ゴシック"/>
              <a:cs typeface="ＭＳ ゴシック"/>
            </a:endParaRPr>
          </a:p>
        </p:txBody>
      </p:sp>
      <p:sp>
        <p:nvSpPr>
          <p:cNvPr id="38" name="object 38"/>
          <p:cNvSpPr txBox="1"/>
          <p:nvPr/>
        </p:nvSpPr>
        <p:spPr>
          <a:xfrm>
            <a:off x="5693773" y="6156162"/>
            <a:ext cx="3013529" cy="549601"/>
          </a:xfrm>
          <a:prstGeom prst="rect">
            <a:avLst/>
          </a:prstGeom>
        </p:spPr>
        <p:txBody>
          <a:bodyPr vert="horz" wrap="square" lIns="0" tIns="36286" rIns="0" bIns="0" rtlCol="0">
            <a:spAutoFit/>
          </a:bodyPr>
          <a:lstStyle/>
          <a:p>
            <a:pPr marL="9072">
              <a:spcBef>
                <a:spcPts val="286"/>
              </a:spcBef>
            </a:pPr>
            <a:r>
              <a:rPr sz="1000" spc="-11" dirty="0">
                <a:latin typeface="ＭＳ ゴシック"/>
                <a:cs typeface="ＭＳ ゴシック"/>
              </a:rPr>
              <a:t>【その他効果】・市民影響</a:t>
            </a:r>
            <a:r>
              <a:rPr sz="1000" dirty="0">
                <a:latin typeface="ＭＳ ゴシック"/>
                <a:cs typeface="ＭＳ ゴシック"/>
              </a:rPr>
              <a:t>（</a:t>
            </a:r>
            <a:r>
              <a:rPr sz="1000" spc="-11" dirty="0">
                <a:latin typeface="ＭＳ ゴシック"/>
                <a:cs typeface="ＭＳ ゴシック"/>
              </a:rPr>
              <a:t>対面通行</a:t>
            </a:r>
            <a:r>
              <a:rPr sz="1000" dirty="0">
                <a:latin typeface="ＭＳ ゴシック"/>
                <a:cs typeface="ＭＳ ゴシック"/>
              </a:rPr>
              <a:t>）</a:t>
            </a:r>
            <a:r>
              <a:rPr sz="1000" spc="-14" dirty="0">
                <a:latin typeface="ＭＳ ゴシック"/>
                <a:cs typeface="ＭＳ ゴシック"/>
              </a:rPr>
              <a:t>の最小化</a:t>
            </a:r>
            <a:endParaRPr sz="1000">
              <a:latin typeface="ＭＳ ゴシック"/>
              <a:cs typeface="ＭＳ ゴシック"/>
            </a:endParaRPr>
          </a:p>
          <a:p>
            <a:pPr marL="907161">
              <a:spcBef>
                <a:spcPts val="214"/>
              </a:spcBef>
            </a:pPr>
            <a:r>
              <a:rPr sz="1000" spc="-14" dirty="0">
                <a:latin typeface="ＭＳ ゴシック"/>
                <a:cs typeface="ＭＳ ゴシック"/>
              </a:rPr>
              <a:t>・架替え事業工期の大幅短縮</a:t>
            </a:r>
            <a:endParaRPr sz="1000">
              <a:latin typeface="ＭＳ ゴシック"/>
              <a:cs typeface="ＭＳ ゴシック"/>
            </a:endParaRPr>
          </a:p>
          <a:p>
            <a:pPr marL="907161">
              <a:spcBef>
                <a:spcPts val="214"/>
              </a:spcBef>
            </a:pPr>
            <a:r>
              <a:rPr sz="1000" spc="-11" dirty="0">
                <a:latin typeface="ＭＳ ゴシック"/>
                <a:cs typeface="ＭＳ ゴシック"/>
              </a:rPr>
              <a:t>・早期事業化、市負担の平準化</a:t>
            </a:r>
            <a:r>
              <a:rPr sz="1000" spc="-7" dirty="0">
                <a:latin typeface="ＭＳ ゴシック"/>
                <a:cs typeface="ＭＳ ゴシック"/>
              </a:rPr>
              <a:t>･</a:t>
            </a:r>
            <a:r>
              <a:rPr sz="1000" spc="-18" dirty="0">
                <a:latin typeface="ＭＳ ゴシック"/>
                <a:cs typeface="ＭＳ ゴシック"/>
              </a:rPr>
              <a:t>縮減</a:t>
            </a:r>
            <a:endParaRPr sz="1000">
              <a:latin typeface="ＭＳ ゴシック"/>
              <a:cs typeface="ＭＳ ゴシック"/>
            </a:endParaRPr>
          </a:p>
        </p:txBody>
      </p:sp>
      <p:sp>
        <p:nvSpPr>
          <p:cNvPr id="39" name="object 39"/>
          <p:cNvSpPr/>
          <p:nvPr/>
        </p:nvSpPr>
        <p:spPr>
          <a:xfrm>
            <a:off x="8540932" y="6204857"/>
            <a:ext cx="146957" cy="292100"/>
          </a:xfrm>
          <a:custGeom>
            <a:avLst/>
            <a:gdLst/>
            <a:ahLst/>
            <a:cxnLst/>
            <a:rect l="l" t="t" r="r" b="b"/>
            <a:pathLst>
              <a:path w="205740" h="408940">
                <a:moveTo>
                  <a:pt x="0" y="0"/>
                </a:moveTo>
                <a:lnTo>
                  <a:pt x="40022" y="1346"/>
                </a:lnTo>
                <a:lnTo>
                  <a:pt x="72723" y="5019"/>
                </a:lnTo>
                <a:lnTo>
                  <a:pt x="94779" y="10469"/>
                </a:lnTo>
                <a:lnTo>
                  <a:pt x="102870" y="17144"/>
                </a:lnTo>
                <a:lnTo>
                  <a:pt x="102870" y="187070"/>
                </a:lnTo>
                <a:lnTo>
                  <a:pt x="110960" y="193746"/>
                </a:lnTo>
                <a:lnTo>
                  <a:pt x="133016" y="199196"/>
                </a:lnTo>
                <a:lnTo>
                  <a:pt x="165717" y="202869"/>
                </a:lnTo>
                <a:lnTo>
                  <a:pt x="205740" y="204215"/>
                </a:lnTo>
                <a:lnTo>
                  <a:pt x="165717" y="205562"/>
                </a:lnTo>
                <a:lnTo>
                  <a:pt x="133016" y="209235"/>
                </a:lnTo>
                <a:lnTo>
                  <a:pt x="110960" y="214685"/>
                </a:lnTo>
                <a:lnTo>
                  <a:pt x="102870" y="221361"/>
                </a:lnTo>
                <a:lnTo>
                  <a:pt x="102870" y="391287"/>
                </a:lnTo>
                <a:lnTo>
                  <a:pt x="94779" y="397962"/>
                </a:lnTo>
                <a:lnTo>
                  <a:pt x="72723" y="403412"/>
                </a:lnTo>
                <a:lnTo>
                  <a:pt x="40022" y="407085"/>
                </a:lnTo>
                <a:lnTo>
                  <a:pt x="0" y="408431"/>
                </a:lnTo>
              </a:path>
            </a:pathLst>
          </a:custGeom>
          <a:ln w="6096">
            <a:solidFill>
              <a:srgbClr val="000000"/>
            </a:solidFill>
          </a:ln>
        </p:spPr>
        <p:txBody>
          <a:bodyPr wrap="square" lIns="0" tIns="0" rIns="0" bIns="0" rtlCol="0"/>
          <a:lstStyle/>
          <a:p>
            <a:endParaRPr sz="1286"/>
          </a:p>
        </p:txBody>
      </p:sp>
      <p:sp>
        <p:nvSpPr>
          <p:cNvPr id="40" name="object 40"/>
          <p:cNvSpPr txBox="1"/>
          <p:nvPr/>
        </p:nvSpPr>
        <p:spPr>
          <a:xfrm>
            <a:off x="8745219" y="6223000"/>
            <a:ext cx="1290864" cy="163048"/>
          </a:xfrm>
          <a:prstGeom prst="rect">
            <a:avLst/>
          </a:prstGeom>
        </p:spPr>
        <p:txBody>
          <a:bodyPr vert="horz" wrap="square" lIns="0" tIns="9071" rIns="0" bIns="0" rtlCol="0">
            <a:spAutoFit/>
          </a:bodyPr>
          <a:lstStyle/>
          <a:p>
            <a:pPr marL="9072">
              <a:spcBef>
                <a:spcPts val="71"/>
              </a:spcBef>
            </a:pPr>
            <a:r>
              <a:rPr sz="1000" dirty="0">
                <a:latin typeface="ＭＳ Ｐゴシック"/>
                <a:cs typeface="ＭＳ Ｐゴシック"/>
              </a:rPr>
              <a:t>事業期間</a:t>
            </a:r>
            <a:r>
              <a:rPr sz="1000" spc="-139" dirty="0">
                <a:latin typeface="ＭＳ ゴシック"/>
                <a:cs typeface="ＭＳ ゴシック"/>
              </a:rPr>
              <a:t>… </a:t>
            </a:r>
            <a:r>
              <a:rPr sz="1000" u="sng" dirty="0">
                <a:solidFill>
                  <a:srgbClr val="C00000"/>
                </a:solidFill>
                <a:uFill>
                  <a:solidFill>
                    <a:srgbClr val="C00000"/>
                  </a:solidFill>
                </a:uFill>
                <a:latin typeface="ＭＳ ゴシック"/>
                <a:cs typeface="ＭＳ ゴシック"/>
              </a:rPr>
              <a:t>12</a:t>
            </a:r>
            <a:r>
              <a:rPr sz="1000" u="sng" spc="-14" dirty="0">
                <a:solidFill>
                  <a:srgbClr val="C00000"/>
                </a:solidFill>
                <a:uFill>
                  <a:solidFill>
                    <a:srgbClr val="C00000"/>
                  </a:solidFill>
                </a:uFill>
                <a:latin typeface="ＭＳ Ｐゴシック"/>
                <a:cs typeface="ＭＳ Ｐゴシック"/>
              </a:rPr>
              <a:t>ヶ月短縮</a:t>
            </a:r>
            <a:endParaRPr sz="1000">
              <a:latin typeface="ＭＳ Ｐゴシック"/>
              <a:cs typeface="ＭＳ Ｐゴシック"/>
            </a:endParaRPr>
          </a:p>
        </p:txBody>
      </p:sp>
      <p:sp>
        <p:nvSpPr>
          <p:cNvPr id="41" name="object 41"/>
          <p:cNvSpPr/>
          <p:nvPr/>
        </p:nvSpPr>
        <p:spPr>
          <a:xfrm>
            <a:off x="1733178" y="2613569"/>
            <a:ext cx="4527550" cy="9071"/>
          </a:xfrm>
          <a:custGeom>
            <a:avLst/>
            <a:gdLst/>
            <a:ahLst/>
            <a:cxnLst/>
            <a:rect l="l" t="t" r="r" b="b"/>
            <a:pathLst>
              <a:path w="6338570" h="12700">
                <a:moveTo>
                  <a:pt x="6338328" y="0"/>
                </a:moveTo>
                <a:lnTo>
                  <a:pt x="0" y="0"/>
                </a:lnTo>
                <a:lnTo>
                  <a:pt x="0" y="12191"/>
                </a:lnTo>
                <a:lnTo>
                  <a:pt x="6338328" y="12191"/>
                </a:lnTo>
                <a:lnTo>
                  <a:pt x="6338328" y="0"/>
                </a:lnTo>
                <a:close/>
              </a:path>
            </a:pathLst>
          </a:custGeom>
          <a:solidFill>
            <a:srgbClr val="000000"/>
          </a:solidFill>
        </p:spPr>
        <p:txBody>
          <a:bodyPr wrap="square" lIns="0" tIns="0" rIns="0" bIns="0" rtlCol="0"/>
          <a:lstStyle/>
          <a:p>
            <a:endParaRPr sz="1286"/>
          </a:p>
        </p:txBody>
      </p:sp>
      <p:sp>
        <p:nvSpPr>
          <p:cNvPr id="42" name="object 42"/>
          <p:cNvSpPr txBox="1"/>
          <p:nvPr/>
        </p:nvSpPr>
        <p:spPr>
          <a:xfrm>
            <a:off x="1832356" y="2810782"/>
            <a:ext cx="2701018" cy="685132"/>
          </a:xfrm>
          <a:prstGeom prst="rect">
            <a:avLst/>
          </a:prstGeom>
        </p:spPr>
        <p:txBody>
          <a:bodyPr vert="horz" wrap="square" lIns="0" tIns="41728" rIns="0" bIns="0" rtlCol="0">
            <a:spAutoFit/>
          </a:bodyPr>
          <a:lstStyle/>
          <a:p>
            <a:pPr marL="9072">
              <a:spcBef>
                <a:spcPts val="328"/>
              </a:spcBef>
            </a:pPr>
            <a:r>
              <a:rPr sz="857" spc="7" dirty="0">
                <a:latin typeface="Calibri"/>
                <a:cs typeface="Calibri"/>
              </a:rPr>
              <a:t>→ </a:t>
            </a:r>
            <a:r>
              <a:rPr sz="857" spc="-11" dirty="0">
                <a:latin typeface="ＭＳ Ｐゴシック"/>
                <a:cs typeface="ＭＳ Ｐゴシック"/>
              </a:rPr>
              <a:t>民間技術力、事業運営ノウハウ、民間資金の活用</a:t>
            </a:r>
            <a:endParaRPr sz="857">
              <a:latin typeface="ＭＳ Ｐゴシック"/>
              <a:cs typeface="ＭＳ Ｐゴシック"/>
            </a:endParaRPr>
          </a:p>
          <a:p>
            <a:pPr marL="9072">
              <a:spcBef>
                <a:spcPts val="257"/>
              </a:spcBef>
            </a:pPr>
            <a:r>
              <a:rPr sz="857" spc="14" dirty="0">
                <a:latin typeface="Calibri"/>
                <a:cs typeface="Calibri"/>
              </a:rPr>
              <a:t>→ </a:t>
            </a:r>
            <a:r>
              <a:rPr sz="857" spc="-11" dirty="0">
                <a:latin typeface="ＭＳ Ｐゴシック"/>
                <a:cs typeface="ＭＳ Ｐゴシック"/>
              </a:rPr>
              <a:t>建設コンサルタント・ゼネコン・橋梁専門会社の技術連携</a:t>
            </a:r>
            <a:endParaRPr sz="857">
              <a:latin typeface="ＭＳ Ｐゴシック"/>
              <a:cs typeface="ＭＳ Ｐゴシック"/>
            </a:endParaRPr>
          </a:p>
          <a:p>
            <a:pPr marL="9072">
              <a:spcBef>
                <a:spcPts val="257"/>
              </a:spcBef>
            </a:pPr>
            <a:r>
              <a:rPr sz="857" spc="4" dirty="0">
                <a:latin typeface="Calibri"/>
                <a:cs typeface="Calibri"/>
              </a:rPr>
              <a:t>→ </a:t>
            </a:r>
            <a:r>
              <a:rPr sz="857" spc="-7" dirty="0">
                <a:latin typeface="ＭＳ Ｐゴシック"/>
                <a:cs typeface="ＭＳ Ｐゴシック"/>
              </a:rPr>
              <a:t>地元企業の事業参画</a:t>
            </a:r>
            <a:endParaRPr sz="857">
              <a:latin typeface="ＭＳ Ｐゴシック"/>
              <a:cs typeface="ＭＳ Ｐゴシック"/>
            </a:endParaRPr>
          </a:p>
          <a:p>
            <a:pPr marL="9072">
              <a:spcBef>
                <a:spcPts val="257"/>
              </a:spcBef>
            </a:pPr>
            <a:r>
              <a:rPr sz="857" dirty="0">
                <a:latin typeface="Calibri"/>
                <a:cs typeface="Calibri"/>
              </a:rPr>
              <a:t>→</a:t>
            </a:r>
            <a:r>
              <a:rPr sz="857" dirty="0">
                <a:latin typeface="ＭＳ Ｐゴシック"/>
                <a:cs typeface="ＭＳ Ｐゴシック"/>
              </a:rPr>
              <a:t>全国に先駆けた官民連携事業（富山市モデル）</a:t>
            </a:r>
            <a:r>
              <a:rPr sz="857" spc="-14" dirty="0">
                <a:latin typeface="ＭＳ Ｐゴシック"/>
                <a:cs typeface="ＭＳ Ｐゴシック"/>
              </a:rPr>
              <a:t>の実現</a:t>
            </a:r>
            <a:endParaRPr sz="857">
              <a:latin typeface="ＭＳ Ｐゴシック"/>
              <a:cs typeface="ＭＳ Ｐゴシック"/>
            </a:endParaRPr>
          </a:p>
        </p:txBody>
      </p:sp>
      <p:pic>
        <p:nvPicPr>
          <p:cNvPr id="43" name="object 43"/>
          <p:cNvPicPr/>
          <p:nvPr/>
        </p:nvPicPr>
        <p:blipFill>
          <a:blip r:embed="rId4" cstate="print"/>
          <a:stretch>
            <a:fillRect/>
          </a:stretch>
        </p:blipFill>
        <p:spPr>
          <a:xfrm>
            <a:off x="6711042" y="1923505"/>
            <a:ext cx="1842951" cy="447403"/>
          </a:xfrm>
          <a:prstGeom prst="rect">
            <a:avLst/>
          </a:prstGeom>
        </p:spPr>
      </p:pic>
      <p:sp>
        <p:nvSpPr>
          <p:cNvPr id="44" name="object 44"/>
          <p:cNvSpPr txBox="1"/>
          <p:nvPr/>
        </p:nvSpPr>
        <p:spPr>
          <a:xfrm>
            <a:off x="6828245" y="1985881"/>
            <a:ext cx="1593850" cy="250435"/>
          </a:xfrm>
          <a:prstGeom prst="rect">
            <a:avLst/>
          </a:prstGeom>
        </p:spPr>
        <p:txBody>
          <a:bodyPr vert="horz" wrap="square" lIns="0" tIns="8618" rIns="0" bIns="0" rtlCol="0">
            <a:spAutoFit/>
          </a:bodyPr>
          <a:lstStyle/>
          <a:p>
            <a:pPr marL="9072">
              <a:spcBef>
                <a:spcPts val="68"/>
              </a:spcBef>
            </a:pPr>
            <a:r>
              <a:rPr sz="1571" spc="-29" dirty="0">
                <a:latin typeface="HGP創英角ｺﾞｼｯｸUB"/>
                <a:cs typeface="HGP創英角ｺﾞｼｯｸUB"/>
              </a:rPr>
              <a:t>３．事業スキーム図</a:t>
            </a:r>
            <a:endParaRPr sz="1571">
              <a:latin typeface="HGP創英角ｺﾞｼｯｸUB"/>
              <a:cs typeface="HGP創英角ｺﾞｼｯｸUB"/>
            </a:endParaRPr>
          </a:p>
        </p:txBody>
      </p:sp>
      <p:pic>
        <p:nvPicPr>
          <p:cNvPr id="45" name="object 45"/>
          <p:cNvPicPr/>
          <p:nvPr/>
        </p:nvPicPr>
        <p:blipFill>
          <a:blip r:embed="rId5" cstate="print"/>
          <a:stretch>
            <a:fillRect/>
          </a:stretch>
        </p:blipFill>
        <p:spPr>
          <a:xfrm>
            <a:off x="1524000" y="1924594"/>
            <a:ext cx="1930037" cy="447403"/>
          </a:xfrm>
          <a:prstGeom prst="rect">
            <a:avLst/>
          </a:prstGeom>
        </p:spPr>
      </p:pic>
      <p:sp>
        <p:nvSpPr>
          <p:cNvPr id="46" name="object 46"/>
          <p:cNvSpPr txBox="1"/>
          <p:nvPr/>
        </p:nvSpPr>
        <p:spPr>
          <a:xfrm>
            <a:off x="1633582" y="1915091"/>
            <a:ext cx="4636861" cy="721718"/>
          </a:xfrm>
          <a:prstGeom prst="rect">
            <a:avLst/>
          </a:prstGeom>
        </p:spPr>
        <p:txBody>
          <a:bodyPr vert="horz" wrap="square" lIns="0" tIns="81643" rIns="0" bIns="0" rtlCol="0">
            <a:spAutoFit/>
          </a:bodyPr>
          <a:lstStyle/>
          <a:p>
            <a:pPr marL="9072">
              <a:spcBef>
                <a:spcPts val="643"/>
              </a:spcBef>
            </a:pPr>
            <a:r>
              <a:rPr sz="1571" spc="-25" dirty="0">
                <a:latin typeface="HGP創英角ｺﾞｼｯｸUB"/>
                <a:cs typeface="HGP創英角ｺﾞｼｯｸUB"/>
              </a:rPr>
              <a:t>２．事業のコンセプト</a:t>
            </a:r>
            <a:endParaRPr sz="1571">
              <a:latin typeface="HGP創英角ｺﾞｼｯｸUB"/>
              <a:cs typeface="HGP創英角ｺﾞｼｯｸUB"/>
            </a:endParaRPr>
          </a:p>
          <a:p>
            <a:pPr marL="99334">
              <a:lnSpc>
                <a:spcPts val="1193"/>
              </a:lnSpc>
              <a:spcBef>
                <a:spcPts val="371"/>
              </a:spcBef>
            </a:pPr>
            <a:r>
              <a:rPr sz="1000" spc="-11" dirty="0">
                <a:latin typeface="ＭＳ Ｐゴシック"/>
                <a:cs typeface="ＭＳ Ｐゴシック"/>
              </a:rPr>
              <a:t>行政課題への抜本的解決策のため、</a:t>
            </a:r>
            <a:endParaRPr sz="1000">
              <a:latin typeface="ＭＳ Ｐゴシック"/>
              <a:cs typeface="ＭＳ Ｐゴシック"/>
            </a:endParaRPr>
          </a:p>
          <a:p>
            <a:pPr marL="99334">
              <a:lnSpc>
                <a:spcPts val="1536"/>
              </a:lnSpc>
            </a:pPr>
            <a:r>
              <a:rPr sz="1286" b="1" spc="-14" dirty="0">
                <a:latin typeface="ＭＳ Ｐゴシック"/>
                <a:cs typeface="ＭＳ Ｐゴシック"/>
              </a:rPr>
              <a:t>前例に捉われない我が国初の革新的取り組み</a:t>
            </a:r>
            <a:r>
              <a:rPr sz="1286" b="1" dirty="0">
                <a:latin typeface="ＭＳ Ｐゴシック"/>
                <a:cs typeface="ＭＳ Ｐゴシック"/>
              </a:rPr>
              <a:t>（</a:t>
            </a:r>
            <a:r>
              <a:rPr sz="1286" b="1" spc="-7" dirty="0">
                <a:latin typeface="ＭＳ Ｐゴシック"/>
                <a:cs typeface="ＭＳ Ｐゴシック"/>
              </a:rPr>
              <a:t>民間活用</a:t>
            </a:r>
            <a:r>
              <a:rPr sz="1286" b="1" dirty="0">
                <a:latin typeface="ＭＳ Ｐゴシック"/>
                <a:cs typeface="ＭＳ Ｐゴシック"/>
              </a:rPr>
              <a:t>）</a:t>
            </a:r>
            <a:r>
              <a:rPr sz="1286" b="1" spc="-18" dirty="0">
                <a:latin typeface="ＭＳ Ｐゴシック"/>
                <a:cs typeface="ＭＳ Ｐゴシック"/>
              </a:rPr>
              <a:t>の導入</a:t>
            </a:r>
            <a:endParaRPr sz="1286">
              <a:latin typeface="ＭＳ Ｐゴシック"/>
              <a:cs typeface="ＭＳ Ｐゴシック"/>
            </a:endParaRPr>
          </a:p>
        </p:txBody>
      </p:sp>
      <p:grpSp>
        <p:nvGrpSpPr>
          <p:cNvPr id="47" name="object 47"/>
          <p:cNvGrpSpPr/>
          <p:nvPr/>
        </p:nvGrpSpPr>
        <p:grpSpPr>
          <a:xfrm>
            <a:off x="1984285" y="2857409"/>
            <a:ext cx="2662918" cy="2324554"/>
            <a:chOff x="644398" y="4000372"/>
            <a:chExt cx="3728085" cy="3254375"/>
          </a:xfrm>
        </p:grpSpPr>
        <p:sp>
          <p:nvSpPr>
            <p:cNvPr id="48" name="object 48"/>
            <p:cNvSpPr/>
            <p:nvPr/>
          </p:nvSpPr>
          <p:spPr>
            <a:xfrm>
              <a:off x="654558" y="6310121"/>
              <a:ext cx="2409825" cy="934719"/>
            </a:xfrm>
            <a:custGeom>
              <a:avLst/>
              <a:gdLst/>
              <a:ahLst/>
              <a:cxnLst/>
              <a:rect l="l" t="t" r="r" b="b"/>
              <a:pathLst>
                <a:path w="2409825" h="934720">
                  <a:moveTo>
                    <a:pt x="0" y="92582"/>
                  </a:moveTo>
                  <a:lnTo>
                    <a:pt x="7273" y="56524"/>
                  </a:lnTo>
                  <a:lnTo>
                    <a:pt x="27109" y="27098"/>
                  </a:lnTo>
                  <a:lnTo>
                    <a:pt x="56530" y="7268"/>
                  </a:lnTo>
                  <a:lnTo>
                    <a:pt x="92557" y="0"/>
                  </a:lnTo>
                  <a:lnTo>
                    <a:pt x="2316861" y="0"/>
                  </a:lnTo>
                  <a:lnTo>
                    <a:pt x="2352919" y="7268"/>
                  </a:lnTo>
                  <a:lnTo>
                    <a:pt x="2382345" y="27098"/>
                  </a:lnTo>
                  <a:lnTo>
                    <a:pt x="2402175" y="56524"/>
                  </a:lnTo>
                  <a:lnTo>
                    <a:pt x="2409444" y="92582"/>
                  </a:lnTo>
                  <a:lnTo>
                    <a:pt x="2409444" y="841628"/>
                  </a:lnTo>
                  <a:lnTo>
                    <a:pt x="2402175" y="877687"/>
                  </a:lnTo>
                  <a:lnTo>
                    <a:pt x="2382345" y="907113"/>
                  </a:lnTo>
                  <a:lnTo>
                    <a:pt x="2352919" y="926943"/>
                  </a:lnTo>
                  <a:lnTo>
                    <a:pt x="2316861" y="934211"/>
                  </a:lnTo>
                  <a:lnTo>
                    <a:pt x="92557" y="934211"/>
                  </a:lnTo>
                  <a:lnTo>
                    <a:pt x="56530" y="926943"/>
                  </a:lnTo>
                  <a:lnTo>
                    <a:pt x="27109" y="907113"/>
                  </a:lnTo>
                  <a:lnTo>
                    <a:pt x="7273" y="877687"/>
                  </a:lnTo>
                  <a:lnTo>
                    <a:pt x="0" y="841628"/>
                  </a:lnTo>
                  <a:lnTo>
                    <a:pt x="0" y="92582"/>
                  </a:lnTo>
                  <a:close/>
                </a:path>
              </a:pathLst>
            </a:custGeom>
            <a:ln w="19812">
              <a:solidFill>
                <a:srgbClr val="AD5A20"/>
              </a:solidFill>
            </a:ln>
          </p:spPr>
          <p:txBody>
            <a:bodyPr wrap="square" lIns="0" tIns="0" rIns="0" bIns="0" rtlCol="0"/>
            <a:lstStyle/>
            <a:p>
              <a:endParaRPr sz="1286"/>
            </a:p>
          </p:txBody>
        </p:sp>
        <p:sp>
          <p:nvSpPr>
            <p:cNvPr id="49" name="object 49"/>
            <p:cNvSpPr/>
            <p:nvPr/>
          </p:nvSpPr>
          <p:spPr>
            <a:xfrm>
              <a:off x="772668" y="6384035"/>
              <a:ext cx="434340" cy="786765"/>
            </a:xfrm>
            <a:custGeom>
              <a:avLst/>
              <a:gdLst/>
              <a:ahLst/>
              <a:cxnLst/>
              <a:rect l="l" t="t" r="r" b="b"/>
              <a:pathLst>
                <a:path w="434340" h="786765">
                  <a:moveTo>
                    <a:pt x="378637" y="0"/>
                  </a:moveTo>
                  <a:lnTo>
                    <a:pt x="0" y="0"/>
                  </a:lnTo>
                  <a:lnTo>
                    <a:pt x="0" y="786383"/>
                  </a:lnTo>
                  <a:lnTo>
                    <a:pt x="378637" y="786383"/>
                  </a:lnTo>
                  <a:lnTo>
                    <a:pt x="434340" y="393191"/>
                  </a:lnTo>
                  <a:lnTo>
                    <a:pt x="378637" y="0"/>
                  </a:lnTo>
                  <a:close/>
                </a:path>
              </a:pathLst>
            </a:custGeom>
            <a:solidFill>
              <a:srgbClr val="5B9BD4"/>
            </a:solidFill>
          </p:spPr>
          <p:txBody>
            <a:bodyPr wrap="square" lIns="0" tIns="0" rIns="0" bIns="0" rtlCol="0"/>
            <a:lstStyle/>
            <a:p>
              <a:endParaRPr sz="1286"/>
            </a:p>
          </p:txBody>
        </p:sp>
        <p:sp>
          <p:nvSpPr>
            <p:cNvPr id="50" name="object 50"/>
            <p:cNvSpPr/>
            <p:nvPr/>
          </p:nvSpPr>
          <p:spPr>
            <a:xfrm>
              <a:off x="772668" y="6384035"/>
              <a:ext cx="434340" cy="786765"/>
            </a:xfrm>
            <a:custGeom>
              <a:avLst/>
              <a:gdLst/>
              <a:ahLst/>
              <a:cxnLst/>
              <a:rect l="l" t="t" r="r" b="b"/>
              <a:pathLst>
                <a:path w="434340" h="786765">
                  <a:moveTo>
                    <a:pt x="0" y="0"/>
                  </a:moveTo>
                  <a:lnTo>
                    <a:pt x="378637" y="0"/>
                  </a:lnTo>
                  <a:lnTo>
                    <a:pt x="434340" y="393191"/>
                  </a:lnTo>
                  <a:lnTo>
                    <a:pt x="378637" y="786383"/>
                  </a:lnTo>
                  <a:lnTo>
                    <a:pt x="0" y="786383"/>
                  </a:lnTo>
                  <a:lnTo>
                    <a:pt x="0" y="0"/>
                  </a:lnTo>
                  <a:close/>
                </a:path>
              </a:pathLst>
            </a:custGeom>
            <a:ln w="12192">
              <a:solidFill>
                <a:srgbClr val="41709C"/>
              </a:solidFill>
            </a:ln>
          </p:spPr>
          <p:txBody>
            <a:bodyPr wrap="square" lIns="0" tIns="0" rIns="0" bIns="0" rtlCol="0"/>
            <a:lstStyle/>
            <a:p>
              <a:endParaRPr sz="1286"/>
            </a:p>
          </p:txBody>
        </p:sp>
        <p:sp>
          <p:nvSpPr>
            <p:cNvPr id="51" name="object 51"/>
            <p:cNvSpPr/>
            <p:nvPr/>
          </p:nvSpPr>
          <p:spPr>
            <a:xfrm>
              <a:off x="4266438" y="4014977"/>
              <a:ext cx="91440" cy="379730"/>
            </a:xfrm>
            <a:custGeom>
              <a:avLst/>
              <a:gdLst/>
              <a:ahLst/>
              <a:cxnLst/>
              <a:rect l="l" t="t" r="r" b="b"/>
              <a:pathLst>
                <a:path w="91439" h="379729">
                  <a:moveTo>
                    <a:pt x="0" y="0"/>
                  </a:moveTo>
                  <a:lnTo>
                    <a:pt x="17805" y="601"/>
                  </a:lnTo>
                  <a:lnTo>
                    <a:pt x="32337" y="2238"/>
                  </a:lnTo>
                  <a:lnTo>
                    <a:pt x="42130" y="4661"/>
                  </a:lnTo>
                  <a:lnTo>
                    <a:pt x="45720" y="7620"/>
                  </a:lnTo>
                  <a:lnTo>
                    <a:pt x="45720" y="182118"/>
                  </a:lnTo>
                  <a:lnTo>
                    <a:pt x="49309" y="185076"/>
                  </a:lnTo>
                  <a:lnTo>
                    <a:pt x="59102" y="187499"/>
                  </a:lnTo>
                  <a:lnTo>
                    <a:pt x="73634" y="189136"/>
                  </a:lnTo>
                  <a:lnTo>
                    <a:pt x="91439" y="189737"/>
                  </a:lnTo>
                  <a:lnTo>
                    <a:pt x="73634" y="190339"/>
                  </a:lnTo>
                  <a:lnTo>
                    <a:pt x="59102" y="191976"/>
                  </a:lnTo>
                  <a:lnTo>
                    <a:pt x="49309" y="194399"/>
                  </a:lnTo>
                  <a:lnTo>
                    <a:pt x="45720" y="197358"/>
                  </a:lnTo>
                  <a:lnTo>
                    <a:pt x="45720" y="371856"/>
                  </a:lnTo>
                  <a:lnTo>
                    <a:pt x="42130" y="374814"/>
                  </a:lnTo>
                  <a:lnTo>
                    <a:pt x="32337" y="377237"/>
                  </a:lnTo>
                  <a:lnTo>
                    <a:pt x="17805" y="378874"/>
                  </a:lnTo>
                  <a:lnTo>
                    <a:pt x="0" y="379475"/>
                  </a:lnTo>
                </a:path>
              </a:pathLst>
            </a:custGeom>
            <a:ln w="28956">
              <a:solidFill>
                <a:srgbClr val="BEBEBE"/>
              </a:solidFill>
            </a:ln>
          </p:spPr>
          <p:txBody>
            <a:bodyPr wrap="square" lIns="0" tIns="0" rIns="0" bIns="0" rtlCol="0"/>
            <a:lstStyle/>
            <a:p>
              <a:endParaRPr sz="1286"/>
            </a:p>
          </p:txBody>
        </p:sp>
      </p:grpSp>
      <p:sp>
        <p:nvSpPr>
          <p:cNvPr id="52" name="object 52"/>
          <p:cNvSpPr txBox="1"/>
          <p:nvPr/>
        </p:nvSpPr>
        <p:spPr>
          <a:xfrm>
            <a:off x="4884056" y="2853235"/>
            <a:ext cx="1515836" cy="613382"/>
          </a:xfrm>
          <a:prstGeom prst="rect">
            <a:avLst/>
          </a:prstGeom>
        </p:spPr>
        <p:txBody>
          <a:bodyPr vert="horz" wrap="square" lIns="0" tIns="76653" rIns="0" bIns="0" rtlCol="0">
            <a:spAutoFit/>
          </a:bodyPr>
          <a:lstStyle/>
          <a:p>
            <a:pPr marL="29936">
              <a:spcBef>
                <a:spcPts val="603"/>
              </a:spcBef>
            </a:pPr>
            <a:r>
              <a:rPr sz="1036" i="1" spc="-50" dirty="0">
                <a:latin typeface="ＭＳ Ｐゴシック"/>
                <a:cs typeface="ＭＳ Ｐゴシック"/>
              </a:rPr>
              <a:t>創出する効果の最大化</a:t>
            </a:r>
            <a:endParaRPr sz="1036">
              <a:latin typeface="ＭＳ Ｐゴシック"/>
              <a:cs typeface="ＭＳ Ｐゴシック"/>
            </a:endParaRPr>
          </a:p>
          <a:p>
            <a:pPr marL="9979" marR="3629" indent="-1361">
              <a:lnSpc>
                <a:spcPct val="103600"/>
              </a:lnSpc>
              <a:spcBef>
                <a:spcPts val="496"/>
              </a:spcBef>
            </a:pPr>
            <a:r>
              <a:rPr sz="1036" i="1" spc="-50" dirty="0">
                <a:latin typeface="ＭＳ Ｐゴシック"/>
                <a:cs typeface="ＭＳ Ｐゴシック"/>
              </a:rPr>
              <a:t>技術の移転と技術者の育成</a:t>
            </a:r>
            <a:r>
              <a:rPr sz="1036" i="1" spc="-46" dirty="0">
                <a:latin typeface="ＭＳ Ｐゴシック"/>
                <a:cs typeface="ＭＳ Ｐゴシック"/>
              </a:rPr>
              <a:t>全国の老朽化対策を先導</a:t>
            </a:r>
            <a:endParaRPr sz="1036">
              <a:latin typeface="ＭＳ Ｐゴシック"/>
              <a:cs typeface="ＭＳ Ｐゴシック"/>
            </a:endParaRPr>
          </a:p>
        </p:txBody>
      </p:sp>
      <p:sp>
        <p:nvSpPr>
          <p:cNvPr id="53" name="object 53"/>
          <p:cNvSpPr txBox="1"/>
          <p:nvPr/>
        </p:nvSpPr>
        <p:spPr>
          <a:xfrm>
            <a:off x="2114732" y="4720317"/>
            <a:ext cx="212271" cy="240450"/>
          </a:xfrm>
          <a:prstGeom prst="rect">
            <a:avLst/>
          </a:prstGeom>
        </p:spPr>
        <p:txBody>
          <a:bodyPr vert="horz" wrap="square" lIns="0" tIns="9525" rIns="0" bIns="0" rtlCol="0">
            <a:spAutoFit/>
          </a:bodyPr>
          <a:lstStyle/>
          <a:p>
            <a:pPr marL="9072" marR="3629">
              <a:spcBef>
                <a:spcPts val="75"/>
              </a:spcBef>
            </a:pPr>
            <a:r>
              <a:rPr sz="750" b="1" spc="-18" dirty="0">
                <a:solidFill>
                  <a:srgbClr val="FFFFFF"/>
                </a:solidFill>
                <a:latin typeface="ＭＳ Ｐゴシック"/>
                <a:cs typeface="ＭＳ Ｐゴシック"/>
              </a:rPr>
              <a:t>日常管理</a:t>
            </a:r>
            <a:endParaRPr sz="750">
              <a:latin typeface="ＭＳ Ｐゴシック"/>
              <a:cs typeface="ＭＳ Ｐゴシック"/>
            </a:endParaRPr>
          </a:p>
        </p:txBody>
      </p:sp>
      <p:grpSp>
        <p:nvGrpSpPr>
          <p:cNvPr id="54" name="object 54"/>
          <p:cNvGrpSpPr/>
          <p:nvPr/>
        </p:nvGrpSpPr>
        <p:grpSpPr>
          <a:xfrm>
            <a:off x="2418625" y="4555490"/>
            <a:ext cx="1218746" cy="571046"/>
            <a:chOff x="1252474" y="6377685"/>
            <a:chExt cx="1706245" cy="799465"/>
          </a:xfrm>
        </p:grpSpPr>
        <p:sp>
          <p:nvSpPr>
            <p:cNvPr id="55" name="object 55"/>
            <p:cNvSpPr/>
            <p:nvPr/>
          </p:nvSpPr>
          <p:spPr>
            <a:xfrm>
              <a:off x="1258824" y="6384035"/>
              <a:ext cx="1080770" cy="786765"/>
            </a:xfrm>
            <a:custGeom>
              <a:avLst/>
              <a:gdLst/>
              <a:ahLst/>
              <a:cxnLst/>
              <a:rect l="l" t="t" r="r" b="b"/>
              <a:pathLst>
                <a:path w="1080770" h="786765">
                  <a:moveTo>
                    <a:pt x="962406" y="0"/>
                  </a:moveTo>
                  <a:lnTo>
                    <a:pt x="0" y="0"/>
                  </a:lnTo>
                  <a:lnTo>
                    <a:pt x="0" y="786383"/>
                  </a:lnTo>
                  <a:lnTo>
                    <a:pt x="962406" y="786383"/>
                  </a:lnTo>
                  <a:lnTo>
                    <a:pt x="1080515" y="393191"/>
                  </a:lnTo>
                  <a:lnTo>
                    <a:pt x="962406" y="0"/>
                  </a:lnTo>
                  <a:close/>
                </a:path>
              </a:pathLst>
            </a:custGeom>
            <a:solidFill>
              <a:srgbClr val="5B9BD4"/>
            </a:solidFill>
          </p:spPr>
          <p:txBody>
            <a:bodyPr wrap="square" lIns="0" tIns="0" rIns="0" bIns="0" rtlCol="0"/>
            <a:lstStyle/>
            <a:p>
              <a:endParaRPr sz="1286"/>
            </a:p>
          </p:txBody>
        </p:sp>
        <p:sp>
          <p:nvSpPr>
            <p:cNvPr id="56" name="object 56"/>
            <p:cNvSpPr/>
            <p:nvPr/>
          </p:nvSpPr>
          <p:spPr>
            <a:xfrm>
              <a:off x="1258824" y="6384035"/>
              <a:ext cx="1080770" cy="786765"/>
            </a:xfrm>
            <a:custGeom>
              <a:avLst/>
              <a:gdLst/>
              <a:ahLst/>
              <a:cxnLst/>
              <a:rect l="l" t="t" r="r" b="b"/>
              <a:pathLst>
                <a:path w="1080770" h="786765">
                  <a:moveTo>
                    <a:pt x="0" y="0"/>
                  </a:moveTo>
                  <a:lnTo>
                    <a:pt x="962406" y="0"/>
                  </a:lnTo>
                  <a:lnTo>
                    <a:pt x="1080515" y="393191"/>
                  </a:lnTo>
                  <a:lnTo>
                    <a:pt x="962406" y="786383"/>
                  </a:lnTo>
                  <a:lnTo>
                    <a:pt x="0" y="786383"/>
                  </a:lnTo>
                  <a:lnTo>
                    <a:pt x="0" y="0"/>
                  </a:lnTo>
                  <a:close/>
                </a:path>
              </a:pathLst>
            </a:custGeom>
            <a:ln w="12192">
              <a:solidFill>
                <a:srgbClr val="41709C"/>
              </a:solidFill>
            </a:ln>
          </p:spPr>
          <p:txBody>
            <a:bodyPr wrap="square" lIns="0" tIns="0" rIns="0" bIns="0" rtlCol="0"/>
            <a:lstStyle/>
            <a:p>
              <a:endParaRPr sz="1286"/>
            </a:p>
          </p:txBody>
        </p:sp>
        <p:sp>
          <p:nvSpPr>
            <p:cNvPr id="57" name="object 57"/>
            <p:cNvSpPr/>
            <p:nvPr/>
          </p:nvSpPr>
          <p:spPr>
            <a:xfrm>
              <a:off x="2391156" y="6384035"/>
              <a:ext cx="561340" cy="786765"/>
            </a:xfrm>
            <a:custGeom>
              <a:avLst/>
              <a:gdLst/>
              <a:ahLst/>
              <a:cxnLst/>
              <a:rect l="l" t="t" r="r" b="b"/>
              <a:pathLst>
                <a:path w="561339" h="786765">
                  <a:moveTo>
                    <a:pt x="476757" y="0"/>
                  </a:moveTo>
                  <a:lnTo>
                    <a:pt x="0" y="0"/>
                  </a:lnTo>
                  <a:lnTo>
                    <a:pt x="0" y="786383"/>
                  </a:lnTo>
                  <a:lnTo>
                    <a:pt x="476757" y="786383"/>
                  </a:lnTo>
                  <a:lnTo>
                    <a:pt x="560832" y="393191"/>
                  </a:lnTo>
                  <a:lnTo>
                    <a:pt x="476757" y="0"/>
                  </a:lnTo>
                  <a:close/>
                </a:path>
              </a:pathLst>
            </a:custGeom>
            <a:solidFill>
              <a:srgbClr val="5B9BD4"/>
            </a:solidFill>
          </p:spPr>
          <p:txBody>
            <a:bodyPr wrap="square" lIns="0" tIns="0" rIns="0" bIns="0" rtlCol="0"/>
            <a:lstStyle/>
            <a:p>
              <a:endParaRPr sz="1286"/>
            </a:p>
          </p:txBody>
        </p:sp>
        <p:sp>
          <p:nvSpPr>
            <p:cNvPr id="58" name="object 58"/>
            <p:cNvSpPr/>
            <p:nvPr/>
          </p:nvSpPr>
          <p:spPr>
            <a:xfrm>
              <a:off x="2391156" y="6384035"/>
              <a:ext cx="561340" cy="786765"/>
            </a:xfrm>
            <a:custGeom>
              <a:avLst/>
              <a:gdLst/>
              <a:ahLst/>
              <a:cxnLst/>
              <a:rect l="l" t="t" r="r" b="b"/>
              <a:pathLst>
                <a:path w="561339" h="786765">
                  <a:moveTo>
                    <a:pt x="0" y="0"/>
                  </a:moveTo>
                  <a:lnTo>
                    <a:pt x="476757" y="0"/>
                  </a:lnTo>
                  <a:lnTo>
                    <a:pt x="560832" y="393191"/>
                  </a:lnTo>
                  <a:lnTo>
                    <a:pt x="476757" y="786383"/>
                  </a:lnTo>
                  <a:lnTo>
                    <a:pt x="0" y="786383"/>
                  </a:lnTo>
                  <a:lnTo>
                    <a:pt x="0" y="0"/>
                  </a:lnTo>
                  <a:close/>
                </a:path>
              </a:pathLst>
            </a:custGeom>
            <a:ln w="12192">
              <a:solidFill>
                <a:srgbClr val="41709C"/>
              </a:solidFill>
            </a:ln>
          </p:spPr>
          <p:txBody>
            <a:bodyPr wrap="square" lIns="0" tIns="0" rIns="0" bIns="0" rtlCol="0"/>
            <a:lstStyle/>
            <a:p>
              <a:endParaRPr sz="1286"/>
            </a:p>
          </p:txBody>
        </p:sp>
      </p:grpSp>
      <p:sp>
        <p:nvSpPr>
          <p:cNvPr id="59" name="object 59"/>
          <p:cNvSpPr txBox="1"/>
          <p:nvPr/>
        </p:nvSpPr>
        <p:spPr>
          <a:xfrm>
            <a:off x="3272518" y="4655003"/>
            <a:ext cx="290286" cy="368691"/>
          </a:xfrm>
          <a:prstGeom prst="rect">
            <a:avLst/>
          </a:prstGeom>
        </p:spPr>
        <p:txBody>
          <a:bodyPr vert="horz" wrap="square" lIns="0" tIns="9525" rIns="0" bIns="0" rtlCol="0">
            <a:spAutoFit/>
          </a:bodyPr>
          <a:lstStyle/>
          <a:p>
            <a:pPr marL="48080" marR="17236" indent="-24040">
              <a:spcBef>
                <a:spcPts val="75"/>
              </a:spcBef>
            </a:pPr>
            <a:r>
              <a:rPr sz="750" b="1" spc="-14" dirty="0">
                <a:solidFill>
                  <a:srgbClr val="FFFFFF"/>
                </a:solidFill>
                <a:latin typeface="ＭＳ Ｐゴシック"/>
                <a:cs typeface="ＭＳ Ｐゴシック"/>
              </a:rPr>
              <a:t>修繕・</a:t>
            </a:r>
            <a:r>
              <a:rPr sz="750" b="1" spc="-18" dirty="0">
                <a:solidFill>
                  <a:srgbClr val="FFFFFF"/>
                </a:solidFill>
                <a:latin typeface="ＭＳ Ｐゴシック"/>
                <a:cs typeface="ＭＳ Ｐゴシック"/>
              </a:rPr>
              <a:t>更新</a:t>
            </a:r>
            <a:endParaRPr sz="750">
              <a:latin typeface="ＭＳ Ｐゴシック"/>
              <a:cs typeface="ＭＳ Ｐゴシック"/>
            </a:endParaRPr>
          </a:p>
          <a:p>
            <a:pPr marL="50347" marR="3629" indent="-41729">
              <a:lnSpc>
                <a:spcPts val="514"/>
              </a:lnSpc>
              <a:spcBef>
                <a:spcPts val="11"/>
              </a:spcBef>
            </a:pPr>
            <a:r>
              <a:rPr sz="429" dirty="0">
                <a:solidFill>
                  <a:srgbClr val="FFFFFF"/>
                </a:solidFill>
                <a:latin typeface="ＭＳ Ｐゴシック"/>
                <a:cs typeface="ＭＳ Ｐゴシック"/>
              </a:rPr>
              <a:t>（</a:t>
            </a:r>
            <a:r>
              <a:rPr sz="429" spc="-7" dirty="0">
                <a:solidFill>
                  <a:srgbClr val="FFFFFF"/>
                </a:solidFill>
                <a:latin typeface="ＭＳ Ｐゴシック"/>
                <a:cs typeface="ＭＳ Ｐゴシック"/>
              </a:rPr>
              <a:t>集約化・撤</a:t>
            </a:r>
            <a:r>
              <a:rPr sz="429" dirty="0">
                <a:solidFill>
                  <a:srgbClr val="FFFFFF"/>
                </a:solidFill>
                <a:latin typeface="ＭＳ Ｐゴシック"/>
                <a:cs typeface="ＭＳ Ｐゴシック"/>
              </a:rPr>
              <a:t>去含む</a:t>
            </a:r>
            <a:r>
              <a:rPr sz="429" spc="-36" dirty="0">
                <a:solidFill>
                  <a:srgbClr val="FFFFFF"/>
                </a:solidFill>
                <a:latin typeface="ＭＳ Ｐゴシック"/>
                <a:cs typeface="ＭＳ Ｐゴシック"/>
              </a:rPr>
              <a:t>）</a:t>
            </a:r>
            <a:endParaRPr sz="429">
              <a:latin typeface="ＭＳ Ｐゴシック"/>
              <a:cs typeface="ＭＳ Ｐゴシック"/>
            </a:endParaRPr>
          </a:p>
        </p:txBody>
      </p:sp>
      <p:grpSp>
        <p:nvGrpSpPr>
          <p:cNvPr id="60" name="object 60"/>
          <p:cNvGrpSpPr/>
          <p:nvPr/>
        </p:nvGrpSpPr>
        <p:grpSpPr>
          <a:xfrm>
            <a:off x="2497001" y="4575084"/>
            <a:ext cx="607786" cy="508000"/>
            <a:chOff x="1362202" y="6405117"/>
            <a:chExt cx="850900" cy="711200"/>
          </a:xfrm>
        </p:grpSpPr>
        <p:sp>
          <p:nvSpPr>
            <p:cNvPr id="61" name="object 61"/>
            <p:cNvSpPr/>
            <p:nvPr/>
          </p:nvSpPr>
          <p:spPr>
            <a:xfrm>
              <a:off x="1368552" y="6411467"/>
              <a:ext cx="230504" cy="698500"/>
            </a:xfrm>
            <a:custGeom>
              <a:avLst/>
              <a:gdLst/>
              <a:ahLst/>
              <a:cxnLst/>
              <a:rect l="l" t="t" r="r" b="b"/>
              <a:pathLst>
                <a:path w="230505" h="698500">
                  <a:moveTo>
                    <a:pt x="173481" y="0"/>
                  </a:moveTo>
                  <a:lnTo>
                    <a:pt x="0" y="0"/>
                  </a:lnTo>
                  <a:lnTo>
                    <a:pt x="0" y="697991"/>
                  </a:lnTo>
                  <a:lnTo>
                    <a:pt x="173481" y="697991"/>
                  </a:lnTo>
                  <a:lnTo>
                    <a:pt x="230123" y="348995"/>
                  </a:lnTo>
                  <a:lnTo>
                    <a:pt x="173481" y="0"/>
                  </a:lnTo>
                  <a:close/>
                </a:path>
              </a:pathLst>
            </a:custGeom>
            <a:solidFill>
              <a:srgbClr val="5B9BD4"/>
            </a:solidFill>
          </p:spPr>
          <p:txBody>
            <a:bodyPr wrap="square" lIns="0" tIns="0" rIns="0" bIns="0" rtlCol="0"/>
            <a:lstStyle/>
            <a:p>
              <a:endParaRPr sz="1286"/>
            </a:p>
          </p:txBody>
        </p:sp>
        <p:sp>
          <p:nvSpPr>
            <p:cNvPr id="62" name="object 62"/>
            <p:cNvSpPr/>
            <p:nvPr/>
          </p:nvSpPr>
          <p:spPr>
            <a:xfrm>
              <a:off x="1368552" y="6411467"/>
              <a:ext cx="230504" cy="698500"/>
            </a:xfrm>
            <a:custGeom>
              <a:avLst/>
              <a:gdLst/>
              <a:ahLst/>
              <a:cxnLst/>
              <a:rect l="l" t="t" r="r" b="b"/>
              <a:pathLst>
                <a:path w="230505" h="698500">
                  <a:moveTo>
                    <a:pt x="0" y="0"/>
                  </a:moveTo>
                  <a:lnTo>
                    <a:pt x="173481" y="0"/>
                  </a:lnTo>
                  <a:lnTo>
                    <a:pt x="230123" y="348995"/>
                  </a:lnTo>
                  <a:lnTo>
                    <a:pt x="173481" y="697991"/>
                  </a:lnTo>
                  <a:lnTo>
                    <a:pt x="0" y="697991"/>
                  </a:lnTo>
                  <a:lnTo>
                    <a:pt x="0" y="0"/>
                  </a:lnTo>
                  <a:close/>
                </a:path>
              </a:pathLst>
            </a:custGeom>
            <a:ln w="12192">
              <a:solidFill>
                <a:srgbClr val="FFFFFF"/>
              </a:solidFill>
            </a:ln>
          </p:spPr>
          <p:txBody>
            <a:bodyPr wrap="square" lIns="0" tIns="0" rIns="0" bIns="0" rtlCol="0"/>
            <a:lstStyle/>
            <a:p>
              <a:endParaRPr sz="1286"/>
            </a:p>
          </p:txBody>
        </p:sp>
        <p:sp>
          <p:nvSpPr>
            <p:cNvPr id="63" name="object 63"/>
            <p:cNvSpPr/>
            <p:nvPr/>
          </p:nvSpPr>
          <p:spPr>
            <a:xfrm>
              <a:off x="1635252" y="6411467"/>
              <a:ext cx="269875" cy="698500"/>
            </a:xfrm>
            <a:custGeom>
              <a:avLst/>
              <a:gdLst/>
              <a:ahLst/>
              <a:cxnLst/>
              <a:rect l="l" t="t" r="r" b="b"/>
              <a:pathLst>
                <a:path w="269875" h="698500">
                  <a:moveTo>
                    <a:pt x="203327" y="0"/>
                  </a:moveTo>
                  <a:lnTo>
                    <a:pt x="0" y="0"/>
                  </a:lnTo>
                  <a:lnTo>
                    <a:pt x="0" y="697991"/>
                  </a:lnTo>
                  <a:lnTo>
                    <a:pt x="203327" y="697991"/>
                  </a:lnTo>
                  <a:lnTo>
                    <a:pt x="269748" y="348995"/>
                  </a:lnTo>
                  <a:lnTo>
                    <a:pt x="203327" y="0"/>
                  </a:lnTo>
                  <a:close/>
                </a:path>
              </a:pathLst>
            </a:custGeom>
            <a:solidFill>
              <a:srgbClr val="5B9BD4"/>
            </a:solidFill>
          </p:spPr>
          <p:txBody>
            <a:bodyPr wrap="square" lIns="0" tIns="0" rIns="0" bIns="0" rtlCol="0"/>
            <a:lstStyle/>
            <a:p>
              <a:endParaRPr sz="1286"/>
            </a:p>
          </p:txBody>
        </p:sp>
        <p:sp>
          <p:nvSpPr>
            <p:cNvPr id="64" name="object 64"/>
            <p:cNvSpPr/>
            <p:nvPr/>
          </p:nvSpPr>
          <p:spPr>
            <a:xfrm>
              <a:off x="1635252" y="6411467"/>
              <a:ext cx="269875" cy="698500"/>
            </a:xfrm>
            <a:custGeom>
              <a:avLst/>
              <a:gdLst/>
              <a:ahLst/>
              <a:cxnLst/>
              <a:rect l="l" t="t" r="r" b="b"/>
              <a:pathLst>
                <a:path w="269875" h="698500">
                  <a:moveTo>
                    <a:pt x="0" y="0"/>
                  </a:moveTo>
                  <a:lnTo>
                    <a:pt x="203327" y="0"/>
                  </a:lnTo>
                  <a:lnTo>
                    <a:pt x="269748" y="348995"/>
                  </a:lnTo>
                  <a:lnTo>
                    <a:pt x="203327" y="697991"/>
                  </a:lnTo>
                  <a:lnTo>
                    <a:pt x="0" y="697991"/>
                  </a:lnTo>
                  <a:lnTo>
                    <a:pt x="0" y="0"/>
                  </a:lnTo>
                  <a:close/>
                </a:path>
              </a:pathLst>
            </a:custGeom>
            <a:ln w="12192">
              <a:solidFill>
                <a:srgbClr val="FFFFFF"/>
              </a:solidFill>
            </a:ln>
          </p:spPr>
          <p:txBody>
            <a:bodyPr wrap="square" lIns="0" tIns="0" rIns="0" bIns="0" rtlCol="0"/>
            <a:lstStyle/>
            <a:p>
              <a:endParaRPr sz="1286"/>
            </a:p>
          </p:txBody>
        </p:sp>
        <p:sp>
          <p:nvSpPr>
            <p:cNvPr id="65" name="object 65"/>
            <p:cNvSpPr/>
            <p:nvPr/>
          </p:nvSpPr>
          <p:spPr>
            <a:xfrm>
              <a:off x="1937004" y="6411467"/>
              <a:ext cx="269875" cy="698500"/>
            </a:xfrm>
            <a:custGeom>
              <a:avLst/>
              <a:gdLst/>
              <a:ahLst/>
              <a:cxnLst/>
              <a:rect l="l" t="t" r="r" b="b"/>
              <a:pathLst>
                <a:path w="269875" h="698500">
                  <a:moveTo>
                    <a:pt x="203326" y="0"/>
                  </a:moveTo>
                  <a:lnTo>
                    <a:pt x="0" y="0"/>
                  </a:lnTo>
                  <a:lnTo>
                    <a:pt x="0" y="697991"/>
                  </a:lnTo>
                  <a:lnTo>
                    <a:pt x="203326" y="697991"/>
                  </a:lnTo>
                  <a:lnTo>
                    <a:pt x="269747" y="348995"/>
                  </a:lnTo>
                  <a:lnTo>
                    <a:pt x="203326" y="0"/>
                  </a:lnTo>
                  <a:close/>
                </a:path>
              </a:pathLst>
            </a:custGeom>
            <a:solidFill>
              <a:srgbClr val="5B9BD4"/>
            </a:solidFill>
          </p:spPr>
          <p:txBody>
            <a:bodyPr wrap="square" lIns="0" tIns="0" rIns="0" bIns="0" rtlCol="0"/>
            <a:lstStyle/>
            <a:p>
              <a:endParaRPr sz="1286"/>
            </a:p>
          </p:txBody>
        </p:sp>
        <p:sp>
          <p:nvSpPr>
            <p:cNvPr id="66" name="object 66"/>
            <p:cNvSpPr/>
            <p:nvPr/>
          </p:nvSpPr>
          <p:spPr>
            <a:xfrm>
              <a:off x="1937004" y="6411467"/>
              <a:ext cx="269875" cy="698500"/>
            </a:xfrm>
            <a:custGeom>
              <a:avLst/>
              <a:gdLst/>
              <a:ahLst/>
              <a:cxnLst/>
              <a:rect l="l" t="t" r="r" b="b"/>
              <a:pathLst>
                <a:path w="269875" h="698500">
                  <a:moveTo>
                    <a:pt x="0" y="0"/>
                  </a:moveTo>
                  <a:lnTo>
                    <a:pt x="203326" y="0"/>
                  </a:lnTo>
                  <a:lnTo>
                    <a:pt x="269747" y="348995"/>
                  </a:lnTo>
                  <a:lnTo>
                    <a:pt x="203326" y="697991"/>
                  </a:lnTo>
                  <a:lnTo>
                    <a:pt x="0" y="697991"/>
                  </a:lnTo>
                  <a:lnTo>
                    <a:pt x="0" y="0"/>
                  </a:lnTo>
                  <a:close/>
                </a:path>
              </a:pathLst>
            </a:custGeom>
            <a:ln w="12192">
              <a:solidFill>
                <a:srgbClr val="FFFFFF"/>
              </a:solidFill>
            </a:ln>
          </p:spPr>
          <p:txBody>
            <a:bodyPr wrap="square" lIns="0" tIns="0" rIns="0" bIns="0" rtlCol="0"/>
            <a:lstStyle/>
            <a:p>
              <a:endParaRPr sz="1286"/>
            </a:p>
          </p:txBody>
        </p:sp>
      </p:grpSp>
      <p:sp>
        <p:nvSpPr>
          <p:cNvPr id="67" name="object 67"/>
          <p:cNvSpPr txBox="1"/>
          <p:nvPr/>
        </p:nvSpPr>
        <p:spPr>
          <a:xfrm>
            <a:off x="2516233" y="4594043"/>
            <a:ext cx="532946" cy="471283"/>
          </a:xfrm>
          <a:prstGeom prst="rect">
            <a:avLst/>
          </a:prstGeom>
        </p:spPr>
        <p:txBody>
          <a:bodyPr vert="horz" wrap="square" lIns="0" tIns="9525" rIns="0" bIns="0" rtlCol="0">
            <a:spAutoFit/>
          </a:bodyPr>
          <a:lstStyle/>
          <a:p>
            <a:pPr marL="9072">
              <a:spcBef>
                <a:spcPts val="75"/>
              </a:spcBef>
            </a:pPr>
            <a:r>
              <a:rPr sz="750" b="1" dirty="0">
                <a:solidFill>
                  <a:srgbClr val="FFFFFF"/>
                </a:solidFill>
                <a:latin typeface="ＭＳ Ｐゴシック"/>
                <a:cs typeface="ＭＳ Ｐゴシック"/>
              </a:rPr>
              <a:t>点</a:t>
            </a:r>
            <a:endParaRPr sz="750">
              <a:latin typeface="ＭＳ Ｐゴシック"/>
              <a:cs typeface="ＭＳ Ｐゴシック"/>
            </a:endParaRPr>
          </a:p>
          <a:p>
            <a:pPr marL="9072">
              <a:tabLst>
                <a:tab pos="211822" algn="l"/>
                <a:tab pos="427273" algn="l"/>
              </a:tabLst>
            </a:pPr>
            <a:r>
              <a:rPr sz="750" b="1" spc="-36" dirty="0">
                <a:solidFill>
                  <a:srgbClr val="FFFFFF"/>
                </a:solidFill>
                <a:latin typeface="ＭＳ Ｐゴシック"/>
                <a:cs typeface="ＭＳ Ｐゴシック"/>
              </a:rPr>
              <a:t>検</a:t>
            </a:r>
            <a:r>
              <a:rPr sz="750" b="1" dirty="0">
                <a:solidFill>
                  <a:srgbClr val="FFFFFF"/>
                </a:solidFill>
                <a:latin typeface="ＭＳ Ｐゴシック"/>
                <a:cs typeface="ＭＳ Ｐゴシック"/>
              </a:rPr>
              <a:t>	</a:t>
            </a:r>
            <a:r>
              <a:rPr sz="750" b="1" spc="-36" dirty="0">
                <a:solidFill>
                  <a:srgbClr val="FFFFFF"/>
                </a:solidFill>
                <a:latin typeface="ＭＳ Ｐゴシック"/>
                <a:cs typeface="ＭＳ Ｐゴシック"/>
              </a:rPr>
              <a:t>計</a:t>
            </a:r>
            <a:r>
              <a:rPr sz="750" b="1" dirty="0">
                <a:solidFill>
                  <a:srgbClr val="FFFFFF"/>
                </a:solidFill>
                <a:latin typeface="ＭＳ Ｐゴシック"/>
                <a:cs typeface="ＭＳ Ｐゴシック"/>
              </a:rPr>
              <a:t>	</a:t>
            </a:r>
            <a:r>
              <a:rPr sz="750" b="1" spc="-36" dirty="0">
                <a:solidFill>
                  <a:srgbClr val="FFFFFF"/>
                </a:solidFill>
                <a:latin typeface="ＭＳ Ｐゴシック"/>
                <a:cs typeface="ＭＳ Ｐゴシック"/>
              </a:rPr>
              <a:t>設</a:t>
            </a:r>
            <a:endParaRPr sz="750">
              <a:latin typeface="ＭＳ Ｐゴシック"/>
              <a:cs typeface="ＭＳ Ｐゴシック"/>
            </a:endParaRPr>
          </a:p>
          <a:p>
            <a:pPr marL="9072">
              <a:tabLst>
                <a:tab pos="211822" algn="l"/>
                <a:tab pos="427273" algn="l"/>
              </a:tabLst>
            </a:pPr>
            <a:r>
              <a:rPr sz="750" b="1" spc="-36" dirty="0">
                <a:solidFill>
                  <a:srgbClr val="FFFFFF"/>
                </a:solidFill>
                <a:latin typeface="ＭＳ Ｐゴシック"/>
                <a:cs typeface="ＭＳ Ｐゴシック"/>
              </a:rPr>
              <a:t>診</a:t>
            </a:r>
            <a:r>
              <a:rPr sz="750" b="1" dirty="0">
                <a:solidFill>
                  <a:srgbClr val="FFFFFF"/>
                </a:solidFill>
                <a:latin typeface="ＭＳ Ｐゴシック"/>
                <a:cs typeface="ＭＳ Ｐゴシック"/>
              </a:rPr>
              <a:t>	</a:t>
            </a:r>
            <a:r>
              <a:rPr sz="750" b="1" spc="-36" dirty="0">
                <a:solidFill>
                  <a:srgbClr val="FFFFFF"/>
                </a:solidFill>
                <a:latin typeface="ＭＳ Ｐゴシック"/>
                <a:cs typeface="ＭＳ Ｐゴシック"/>
              </a:rPr>
              <a:t>画</a:t>
            </a:r>
            <a:r>
              <a:rPr sz="750" b="1" dirty="0">
                <a:solidFill>
                  <a:srgbClr val="FFFFFF"/>
                </a:solidFill>
                <a:latin typeface="ＭＳ Ｐゴシック"/>
                <a:cs typeface="ＭＳ Ｐゴシック"/>
              </a:rPr>
              <a:t>	</a:t>
            </a:r>
            <a:r>
              <a:rPr sz="750" b="1" spc="-36" dirty="0">
                <a:solidFill>
                  <a:srgbClr val="FFFFFF"/>
                </a:solidFill>
                <a:latin typeface="ＭＳ Ｐゴシック"/>
                <a:cs typeface="ＭＳ Ｐゴシック"/>
              </a:rPr>
              <a:t>計</a:t>
            </a:r>
            <a:endParaRPr sz="750">
              <a:latin typeface="ＭＳ Ｐゴシック"/>
              <a:cs typeface="ＭＳ Ｐゴシック"/>
            </a:endParaRPr>
          </a:p>
          <a:p>
            <a:pPr marL="9072"/>
            <a:r>
              <a:rPr sz="750" b="1" dirty="0">
                <a:solidFill>
                  <a:srgbClr val="FFFFFF"/>
                </a:solidFill>
                <a:latin typeface="ＭＳ Ｐゴシック"/>
                <a:cs typeface="ＭＳ Ｐゴシック"/>
              </a:rPr>
              <a:t>断</a:t>
            </a:r>
            <a:endParaRPr sz="750">
              <a:latin typeface="ＭＳ Ｐゴシック"/>
              <a:cs typeface="ＭＳ Ｐゴシック"/>
            </a:endParaRPr>
          </a:p>
        </p:txBody>
      </p:sp>
      <p:sp>
        <p:nvSpPr>
          <p:cNvPr id="68" name="object 68"/>
          <p:cNvSpPr txBox="1"/>
          <p:nvPr/>
        </p:nvSpPr>
        <p:spPr>
          <a:xfrm>
            <a:off x="2055078" y="5184049"/>
            <a:ext cx="1584325" cy="130090"/>
          </a:xfrm>
          <a:prstGeom prst="rect">
            <a:avLst/>
          </a:prstGeom>
        </p:spPr>
        <p:txBody>
          <a:bodyPr vert="horz" wrap="square" lIns="0" tIns="9071" rIns="0" bIns="0" rtlCol="0">
            <a:spAutoFit/>
          </a:bodyPr>
          <a:lstStyle/>
          <a:p>
            <a:pPr marL="9072">
              <a:spcBef>
                <a:spcPts val="71"/>
              </a:spcBef>
            </a:pPr>
            <a:r>
              <a:rPr sz="786" spc="-14" dirty="0">
                <a:latin typeface="ＭＳ Ｐゴシック"/>
                <a:cs typeface="ＭＳ Ｐゴシック"/>
              </a:rPr>
              <a:t>橋梁メンテナンスサイクルを一括管理</a:t>
            </a:r>
            <a:endParaRPr sz="786">
              <a:latin typeface="ＭＳ Ｐゴシック"/>
              <a:cs typeface="ＭＳ Ｐゴシック"/>
            </a:endParaRPr>
          </a:p>
        </p:txBody>
      </p:sp>
      <p:pic>
        <p:nvPicPr>
          <p:cNvPr id="69" name="object 69"/>
          <p:cNvPicPr/>
          <p:nvPr/>
        </p:nvPicPr>
        <p:blipFill>
          <a:blip r:embed="rId6" cstate="print"/>
          <a:stretch>
            <a:fillRect/>
          </a:stretch>
        </p:blipFill>
        <p:spPr>
          <a:xfrm>
            <a:off x="4091939" y="4079966"/>
            <a:ext cx="1292134" cy="1305197"/>
          </a:xfrm>
          <a:prstGeom prst="rect">
            <a:avLst/>
          </a:prstGeom>
        </p:spPr>
      </p:pic>
      <p:sp>
        <p:nvSpPr>
          <p:cNvPr id="70" name="object 70"/>
          <p:cNvSpPr txBox="1"/>
          <p:nvPr/>
        </p:nvSpPr>
        <p:spPr>
          <a:xfrm>
            <a:off x="5740310" y="3838729"/>
            <a:ext cx="3679825" cy="419080"/>
          </a:xfrm>
          <a:prstGeom prst="rect">
            <a:avLst/>
          </a:prstGeom>
        </p:spPr>
        <p:txBody>
          <a:bodyPr vert="horz" wrap="square" lIns="0" tIns="50346" rIns="0" bIns="0" rtlCol="0">
            <a:spAutoFit/>
          </a:bodyPr>
          <a:lstStyle/>
          <a:p>
            <a:pPr marL="241758" indent="-233140">
              <a:spcBef>
                <a:spcPts val="396"/>
              </a:spcBef>
              <a:buAutoNum type="arabicParenBoth" startAt="2"/>
              <a:tabLst>
                <a:tab pos="242212" algn="l"/>
              </a:tabLst>
            </a:pPr>
            <a:r>
              <a:rPr sz="1143" spc="-18" dirty="0">
                <a:solidFill>
                  <a:srgbClr val="1F3863"/>
                </a:solidFill>
                <a:latin typeface="HGPｺﾞｼｯｸE"/>
                <a:cs typeface="HGPｺﾞｼｯｸE"/>
              </a:rPr>
              <a:t>大規模更新事業</a:t>
            </a:r>
            <a:r>
              <a:rPr sz="1143" spc="-7" dirty="0">
                <a:solidFill>
                  <a:srgbClr val="1F3863"/>
                </a:solidFill>
                <a:latin typeface="HGPｺﾞｼｯｸE"/>
                <a:cs typeface="HGPｺﾞｼｯｸE"/>
              </a:rPr>
              <a:t>（</a:t>
            </a:r>
            <a:r>
              <a:rPr sz="1143" spc="-18" dirty="0">
                <a:solidFill>
                  <a:srgbClr val="1F3863"/>
                </a:solidFill>
                <a:latin typeface="HGPｺﾞｼｯｸE"/>
                <a:cs typeface="HGPｺﾞｼｯｸE"/>
              </a:rPr>
              <a:t>神通大橋</a:t>
            </a:r>
            <a:r>
              <a:rPr sz="1143" spc="-36" dirty="0">
                <a:solidFill>
                  <a:srgbClr val="1F3863"/>
                </a:solidFill>
                <a:latin typeface="HGPｺﾞｼｯｸE"/>
                <a:cs typeface="HGPｺﾞｼｯｸE"/>
              </a:rPr>
              <a:t>）</a:t>
            </a:r>
            <a:endParaRPr sz="1143">
              <a:latin typeface="HGPｺﾞｼｯｸE"/>
              <a:cs typeface="HGPｺﾞｼｯｸE"/>
            </a:endParaRPr>
          </a:p>
          <a:p>
            <a:pPr marL="240851" lvl="1" indent="-190957">
              <a:spcBef>
                <a:spcPts val="292"/>
              </a:spcBef>
              <a:buChar char="○"/>
              <a:tabLst>
                <a:tab pos="241305" algn="l"/>
              </a:tabLst>
            </a:pPr>
            <a:r>
              <a:rPr sz="1000" spc="-11" dirty="0">
                <a:latin typeface="ＭＳ ゴシック"/>
                <a:cs typeface="ＭＳ ゴシック"/>
              </a:rPr>
              <a:t>革新的技術と民間資金活用による神通大橋</a:t>
            </a:r>
            <a:r>
              <a:rPr sz="1000" dirty="0">
                <a:latin typeface="ＭＳ ゴシック"/>
                <a:cs typeface="ＭＳ ゴシック"/>
              </a:rPr>
              <a:t>（</a:t>
            </a:r>
            <a:r>
              <a:rPr sz="1000" spc="-7" dirty="0">
                <a:latin typeface="ＭＳ ゴシック"/>
                <a:cs typeface="ＭＳ ゴシック"/>
              </a:rPr>
              <a:t>旧橋</a:t>
            </a:r>
            <a:r>
              <a:rPr sz="1000" spc="-11" dirty="0">
                <a:latin typeface="ＭＳ ゴシック"/>
                <a:cs typeface="ＭＳ ゴシック"/>
              </a:rPr>
              <a:t>）の架替え</a:t>
            </a:r>
            <a:endParaRPr sz="1000">
              <a:latin typeface="ＭＳ ゴシック"/>
              <a:cs typeface="ＭＳ ゴシック"/>
            </a:endParaRPr>
          </a:p>
        </p:txBody>
      </p:sp>
      <p:sp>
        <p:nvSpPr>
          <p:cNvPr id="71" name="object 71"/>
          <p:cNvSpPr/>
          <p:nvPr/>
        </p:nvSpPr>
        <p:spPr>
          <a:xfrm>
            <a:off x="3188425" y="5501640"/>
            <a:ext cx="915761" cy="132896"/>
          </a:xfrm>
          <a:custGeom>
            <a:avLst/>
            <a:gdLst/>
            <a:ahLst/>
            <a:cxnLst/>
            <a:rect l="l" t="t" r="r" b="b"/>
            <a:pathLst>
              <a:path w="1282064" h="186054">
                <a:moveTo>
                  <a:pt x="961263" y="0"/>
                </a:moveTo>
                <a:lnTo>
                  <a:pt x="320421" y="0"/>
                </a:lnTo>
                <a:lnTo>
                  <a:pt x="320421" y="92963"/>
                </a:lnTo>
                <a:lnTo>
                  <a:pt x="0" y="92963"/>
                </a:lnTo>
                <a:lnTo>
                  <a:pt x="640842" y="185927"/>
                </a:lnTo>
                <a:lnTo>
                  <a:pt x="1281683" y="92963"/>
                </a:lnTo>
                <a:lnTo>
                  <a:pt x="961263" y="92963"/>
                </a:lnTo>
                <a:lnTo>
                  <a:pt x="961263" y="0"/>
                </a:lnTo>
                <a:close/>
              </a:path>
            </a:pathLst>
          </a:custGeom>
          <a:solidFill>
            <a:srgbClr val="BEBEBE"/>
          </a:solidFill>
        </p:spPr>
        <p:txBody>
          <a:bodyPr wrap="square" lIns="0" tIns="0" rIns="0" bIns="0" rtlCol="0"/>
          <a:lstStyle/>
          <a:p>
            <a:endParaRPr sz="1286"/>
          </a:p>
        </p:txBody>
      </p:sp>
      <p:sp>
        <p:nvSpPr>
          <p:cNvPr id="72" name="object 72"/>
          <p:cNvSpPr txBox="1"/>
          <p:nvPr/>
        </p:nvSpPr>
        <p:spPr>
          <a:xfrm>
            <a:off x="4498249" y="2641599"/>
            <a:ext cx="1951264" cy="163506"/>
          </a:xfrm>
          <a:prstGeom prst="rect">
            <a:avLst/>
          </a:prstGeom>
        </p:spPr>
        <p:txBody>
          <a:bodyPr vert="horz" wrap="square" lIns="0" tIns="9525" rIns="0" bIns="0" rtlCol="0">
            <a:spAutoFit/>
          </a:bodyPr>
          <a:lstStyle/>
          <a:p>
            <a:pPr marL="9072">
              <a:spcBef>
                <a:spcPts val="75"/>
              </a:spcBef>
            </a:pPr>
            <a:r>
              <a:rPr sz="1000" b="1" spc="-7" dirty="0">
                <a:solidFill>
                  <a:srgbClr val="C00000"/>
                </a:solidFill>
                <a:latin typeface="ＭＳ Ｐゴシック"/>
                <a:cs typeface="ＭＳ Ｐゴシック"/>
              </a:rPr>
              <a:t>（</a:t>
            </a:r>
            <a:r>
              <a:rPr sz="1000" b="1" spc="-21" dirty="0">
                <a:solidFill>
                  <a:srgbClr val="C00000"/>
                </a:solidFill>
                <a:latin typeface="ＭＳ Ｐゴシック"/>
                <a:cs typeface="ＭＳ Ｐゴシック"/>
              </a:rPr>
              <a:t>ＰＦＩ手法導入により課題解決へ</a:t>
            </a:r>
            <a:r>
              <a:rPr sz="1000" b="1" spc="-18" dirty="0">
                <a:solidFill>
                  <a:srgbClr val="C00000"/>
                </a:solidFill>
                <a:latin typeface="ＭＳ Ｐゴシック"/>
                <a:cs typeface="ＭＳ Ｐゴシック"/>
              </a:rPr>
              <a:t>！）</a:t>
            </a:r>
            <a:endParaRPr sz="1000">
              <a:latin typeface="ＭＳ Ｐゴシック"/>
              <a:cs typeface="ＭＳ Ｐゴシック"/>
            </a:endParaRPr>
          </a:p>
        </p:txBody>
      </p:sp>
      <p:sp>
        <p:nvSpPr>
          <p:cNvPr id="73" name="object 73"/>
          <p:cNvSpPr txBox="1"/>
          <p:nvPr/>
        </p:nvSpPr>
        <p:spPr>
          <a:xfrm>
            <a:off x="2162846" y="1332030"/>
            <a:ext cx="3371396" cy="541669"/>
          </a:xfrm>
          <a:prstGeom prst="rect">
            <a:avLst/>
          </a:prstGeom>
        </p:spPr>
        <p:txBody>
          <a:bodyPr vert="horz" wrap="square" lIns="0" tIns="8618" rIns="0" bIns="0" rtlCol="0">
            <a:spAutoFit/>
          </a:bodyPr>
          <a:lstStyle/>
          <a:p>
            <a:pPr marL="13154" marR="3629" indent="-4536">
              <a:lnSpc>
                <a:spcPct val="118600"/>
              </a:lnSpc>
              <a:spcBef>
                <a:spcPts val="68"/>
              </a:spcBef>
            </a:pPr>
            <a:r>
              <a:rPr sz="1000" b="1" spc="-29" dirty="0">
                <a:latin typeface="ＭＳ Ｐゴシック"/>
                <a:cs typeface="ＭＳ Ｐゴシック"/>
              </a:rPr>
              <a:t>最新技術力、事業運営ノウハウを投入し、予防保全の観点から長期視点で最適管理を実現するマネジメント体制を構築</a:t>
            </a:r>
            <a:endParaRPr sz="1000">
              <a:latin typeface="ＭＳ Ｐゴシック"/>
              <a:cs typeface="ＭＳ Ｐゴシック"/>
            </a:endParaRPr>
          </a:p>
          <a:p>
            <a:pPr marL="727090">
              <a:spcBef>
                <a:spcPts val="136"/>
              </a:spcBef>
            </a:pPr>
            <a:r>
              <a:rPr sz="1000" b="1" dirty="0">
                <a:solidFill>
                  <a:srgbClr val="C00000"/>
                </a:solidFill>
                <a:latin typeface="ＭＳ Ｐゴシック"/>
                <a:cs typeface="ＭＳ Ｐゴシック"/>
              </a:rPr>
              <a:t>（</a:t>
            </a:r>
            <a:r>
              <a:rPr sz="1000" b="1" spc="-25" dirty="0">
                <a:solidFill>
                  <a:srgbClr val="C00000"/>
                </a:solidFill>
                <a:latin typeface="ＭＳ Ｐゴシック"/>
                <a:cs typeface="ＭＳ Ｐゴシック"/>
              </a:rPr>
              <a:t>持続可能な体制実現に向けて早期着手を</a:t>
            </a:r>
            <a:r>
              <a:rPr sz="1000" b="1" spc="-18" dirty="0">
                <a:solidFill>
                  <a:srgbClr val="C00000"/>
                </a:solidFill>
                <a:latin typeface="ＭＳ Ｐゴシック"/>
                <a:cs typeface="ＭＳ Ｐゴシック"/>
              </a:rPr>
              <a:t>！）</a:t>
            </a:r>
            <a:endParaRPr sz="1000">
              <a:latin typeface="ＭＳ Ｐゴシック"/>
              <a:cs typeface="ＭＳ Ｐゴシック"/>
            </a:endParaRPr>
          </a:p>
        </p:txBody>
      </p:sp>
      <p:sp>
        <p:nvSpPr>
          <p:cNvPr id="74" name="object 74"/>
          <p:cNvSpPr txBox="1"/>
          <p:nvPr/>
        </p:nvSpPr>
        <p:spPr>
          <a:xfrm>
            <a:off x="5821680" y="818605"/>
            <a:ext cx="4788807" cy="1086680"/>
          </a:xfrm>
          <a:prstGeom prst="rect">
            <a:avLst/>
          </a:prstGeom>
          <a:ln w="6096">
            <a:solidFill>
              <a:srgbClr val="000000"/>
            </a:solidFill>
          </a:ln>
        </p:spPr>
        <p:txBody>
          <a:bodyPr vert="horz" wrap="square" lIns="0" tIns="24039" rIns="0" bIns="0" rtlCol="0">
            <a:spAutoFit/>
          </a:bodyPr>
          <a:lstStyle/>
          <a:p>
            <a:pPr marL="258994">
              <a:spcBef>
                <a:spcPts val="189"/>
              </a:spcBef>
            </a:pPr>
            <a:r>
              <a:rPr sz="1143" spc="-7" dirty="0">
                <a:solidFill>
                  <a:srgbClr val="1F3863"/>
                </a:solidFill>
                <a:latin typeface="HGPｺﾞｼｯｸE"/>
                <a:cs typeface="HGPｺﾞｼｯｸE"/>
              </a:rPr>
              <a:t>② 神通大橋（</a:t>
            </a:r>
            <a:r>
              <a:rPr sz="1143" spc="-18" dirty="0">
                <a:solidFill>
                  <a:srgbClr val="1F3863"/>
                </a:solidFill>
                <a:latin typeface="HGPｺﾞｼｯｸE"/>
                <a:cs typeface="HGPｺﾞｼｯｸE"/>
              </a:rPr>
              <a:t>旧橋</a:t>
            </a:r>
            <a:r>
              <a:rPr sz="1143" spc="-7" dirty="0">
                <a:solidFill>
                  <a:srgbClr val="1F3863"/>
                </a:solidFill>
                <a:latin typeface="HGPｺﾞｼｯｸE"/>
                <a:cs typeface="HGPｺﾞｼｯｸE"/>
              </a:rPr>
              <a:t>）</a:t>
            </a:r>
            <a:r>
              <a:rPr sz="1143" spc="-25" dirty="0">
                <a:solidFill>
                  <a:srgbClr val="1F3863"/>
                </a:solidFill>
                <a:latin typeface="HGPｺﾞｼｯｸE"/>
                <a:cs typeface="HGPｺﾞｼｯｸE"/>
              </a:rPr>
              <a:t>の抜本的対策</a:t>
            </a:r>
            <a:endParaRPr sz="1143">
              <a:latin typeface="HGPｺﾞｼｯｸE"/>
              <a:cs typeface="HGPｺﾞｼｯｸE"/>
            </a:endParaRPr>
          </a:p>
          <a:p>
            <a:pPr marL="283941">
              <a:spcBef>
                <a:spcPts val="236"/>
              </a:spcBef>
            </a:pPr>
            <a:r>
              <a:rPr sz="857" spc="-4" dirty="0">
                <a:latin typeface="ＭＳ Ｐゴシック"/>
                <a:cs typeface="ＭＳ Ｐゴシック"/>
              </a:rPr>
              <a:t>・ 健全性が著しく低下している状態 ／ ・ 供用し続けるためには多大な費用・労力を要する</a:t>
            </a:r>
            <a:endParaRPr sz="857">
              <a:latin typeface="ＭＳ Ｐゴシック"/>
              <a:cs typeface="ＭＳ Ｐゴシック"/>
            </a:endParaRPr>
          </a:p>
          <a:p>
            <a:pPr marL="283941">
              <a:spcBef>
                <a:spcPts val="257"/>
              </a:spcBef>
            </a:pPr>
            <a:r>
              <a:rPr sz="857" spc="-7" dirty="0">
                <a:latin typeface="ＭＳ Ｐゴシック"/>
                <a:cs typeface="ＭＳ Ｐゴシック"/>
              </a:rPr>
              <a:t>・ 神通大橋は、都市活動や防災上重要な道路にある重要橋梁</a:t>
            </a:r>
            <a:r>
              <a:rPr sz="857" dirty="0">
                <a:latin typeface="ＭＳ Ｐゴシック"/>
                <a:cs typeface="ＭＳ Ｐゴシック"/>
              </a:rPr>
              <a:t>（</a:t>
            </a:r>
            <a:r>
              <a:rPr sz="857" spc="-4" dirty="0">
                <a:latin typeface="ＭＳ Ｐゴシック"/>
                <a:cs typeface="ＭＳ Ｐゴシック"/>
              </a:rPr>
              <a:t>新橋も老朽化が進行</a:t>
            </a:r>
            <a:r>
              <a:rPr sz="857" spc="-36" dirty="0">
                <a:latin typeface="ＭＳ Ｐゴシック"/>
                <a:cs typeface="ＭＳ Ｐゴシック"/>
              </a:rPr>
              <a:t>）</a:t>
            </a:r>
            <a:endParaRPr sz="857">
              <a:latin typeface="ＭＳ Ｐゴシック"/>
              <a:cs typeface="ＭＳ Ｐゴシック"/>
            </a:endParaRPr>
          </a:p>
          <a:p>
            <a:pPr marL="601901" marR="157392" indent="-9072">
              <a:lnSpc>
                <a:spcPct val="118600"/>
              </a:lnSpc>
            </a:pPr>
            <a:r>
              <a:rPr sz="1000" b="1" spc="-29" dirty="0">
                <a:latin typeface="ＭＳ Ｐゴシック"/>
                <a:cs typeface="ＭＳ Ｐゴシック"/>
              </a:rPr>
              <a:t>早期に抜本的な対策を実現することが最善であり、これを実行するためには資金調達と、コスト・交通影響の抑制を可能とする施工方法の実現</a:t>
            </a:r>
            <a:endParaRPr sz="1000">
              <a:latin typeface="ＭＳ Ｐゴシック"/>
              <a:cs typeface="ＭＳ Ｐゴシック"/>
            </a:endParaRPr>
          </a:p>
          <a:p>
            <a:pPr marL="1476405">
              <a:spcBef>
                <a:spcPts val="264"/>
              </a:spcBef>
            </a:pPr>
            <a:r>
              <a:rPr sz="1000" b="1" dirty="0">
                <a:solidFill>
                  <a:srgbClr val="C00000"/>
                </a:solidFill>
                <a:latin typeface="ＭＳ Ｐゴシック"/>
                <a:cs typeface="ＭＳ Ｐゴシック"/>
              </a:rPr>
              <a:t>（</a:t>
            </a:r>
            <a:r>
              <a:rPr sz="1000" b="1" spc="-25" dirty="0">
                <a:solidFill>
                  <a:srgbClr val="C00000"/>
                </a:solidFill>
                <a:latin typeface="ＭＳ Ｐゴシック"/>
                <a:cs typeface="ＭＳ Ｐゴシック"/>
              </a:rPr>
              <a:t>新旧の橋梁がともに深刻な老朽化に至る前に着手を</a:t>
            </a:r>
            <a:r>
              <a:rPr sz="1000" b="1" spc="-18" dirty="0">
                <a:solidFill>
                  <a:srgbClr val="C00000"/>
                </a:solidFill>
                <a:latin typeface="ＭＳ Ｐゴシック"/>
                <a:cs typeface="ＭＳ Ｐゴシック"/>
              </a:rPr>
              <a:t>！）</a:t>
            </a:r>
            <a:endParaRPr sz="1000">
              <a:latin typeface="ＭＳ Ｐゴシック"/>
              <a:cs typeface="ＭＳ Ｐゴシック"/>
            </a:endParaRPr>
          </a:p>
        </p:txBody>
      </p:sp>
      <p:sp>
        <p:nvSpPr>
          <p:cNvPr id="75" name="object 75"/>
          <p:cNvSpPr txBox="1"/>
          <p:nvPr/>
        </p:nvSpPr>
        <p:spPr>
          <a:xfrm>
            <a:off x="9021536" y="2315663"/>
            <a:ext cx="1582057" cy="317395"/>
          </a:xfrm>
          <a:prstGeom prst="rect">
            <a:avLst/>
          </a:prstGeom>
        </p:spPr>
        <p:txBody>
          <a:bodyPr vert="horz" wrap="square" lIns="0" tIns="9525" rIns="0" bIns="0" rtlCol="0">
            <a:spAutoFit/>
          </a:bodyPr>
          <a:lstStyle/>
          <a:p>
            <a:pPr marL="9072">
              <a:spcBef>
                <a:spcPts val="75"/>
              </a:spcBef>
            </a:pPr>
            <a:r>
              <a:rPr sz="1000" b="1" dirty="0">
                <a:solidFill>
                  <a:srgbClr val="C00000"/>
                </a:solidFill>
                <a:latin typeface="ＭＳ Ｐゴシック"/>
                <a:cs typeface="ＭＳ Ｐゴシック"/>
              </a:rPr>
              <a:t>（</a:t>
            </a:r>
            <a:r>
              <a:rPr sz="1000" b="1" spc="-25" dirty="0">
                <a:solidFill>
                  <a:srgbClr val="C00000"/>
                </a:solidFill>
                <a:latin typeface="ＭＳ Ｐゴシック"/>
                <a:cs typeface="ＭＳ Ｐゴシック"/>
              </a:rPr>
              <a:t>それぞれの強みを結集し</a:t>
            </a:r>
            <a:endParaRPr sz="1000">
              <a:latin typeface="ＭＳ Ｐゴシック"/>
              <a:cs typeface="ＭＳ Ｐゴシック"/>
            </a:endParaRPr>
          </a:p>
          <a:p>
            <a:pPr marL="743872"/>
            <a:r>
              <a:rPr sz="1000" b="1" spc="-18" dirty="0">
                <a:solidFill>
                  <a:srgbClr val="C00000"/>
                </a:solidFill>
                <a:latin typeface="ＭＳ Ｐゴシック"/>
                <a:cs typeface="ＭＳ Ｐゴシック"/>
              </a:rPr>
              <a:t>課題解決へ！）</a:t>
            </a:r>
            <a:endParaRPr sz="1000">
              <a:latin typeface="ＭＳ Ｐゴシック"/>
              <a:cs typeface="ＭＳ Ｐゴシック"/>
            </a:endParaRPr>
          </a:p>
        </p:txBody>
      </p:sp>
      <p:sp>
        <p:nvSpPr>
          <p:cNvPr id="76" name="object 76"/>
          <p:cNvSpPr/>
          <p:nvPr/>
        </p:nvSpPr>
        <p:spPr>
          <a:xfrm>
            <a:off x="8207828" y="4254136"/>
            <a:ext cx="2205718" cy="1186543"/>
          </a:xfrm>
          <a:custGeom>
            <a:avLst/>
            <a:gdLst/>
            <a:ahLst/>
            <a:cxnLst/>
            <a:rect l="l" t="t" r="r" b="b"/>
            <a:pathLst>
              <a:path w="3088004" h="1661159">
                <a:moveTo>
                  <a:pt x="3087624" y="0"/>
                </a:moveTo>
                <a:lnTo>
                  <a:pt x="0" y="0"/>
                </a:lnTo>
                <a:lnTo>
                  <a:pt x="0" y="1661160"/>
                </a:lnTo>
                <a:lnTo>
                  <a:pt x="3087624" y="1661160"/>
                </a:lnTo>
                <a:lnTo>
                  <a:pt x="3087624" y="0"/>
                </a:lnTo>
                <a:close/>
              </a:path>
            </a:pathLst>
          </a:custGeom>
          <a:solidFill>
            <a:srgbClr val="FFFFFF"/>
          </a:solidFill>
        </p:spPr>
        <p:txBody>
          <a:bodyPr wrap="square" lIns="0" tIns="0" rIns="0" bIns="0" rtlCol="0"/>
          <a:lstStyle/>
          <a:p>
            <a:endParaRPr sz="1286"/>
          </a:p>
        </p:txBody>
      </p:sp>
      <p:sp>
        <p:nvSpPr>
          <p:cNvPr id="77" name="object 77"/>
          <p:cNvSpPr txBox="1"/>
          <p:nvPr/>
        </p:nvSpPr>
        <p:spPr>
          <a:xfrm>
            <a:off x="8207828" y="4254137"/>
            <a:ext cx="2205718" cy="449757"/>
          </a:xfrm>
          <a:prstGeom prst="rect">
            <a:avLst/>
          </a:prstGeom>
          <a:ln w="6096">
            <a:solidFill>
              <a:srgbClr val="000000"/>
            </a:solidFill>
          </a:ln>
        </p:spPr>
        <p:txBody>
          <a:bodyPr vert="horz" wrap="square" lIns="0" tIns="39007" rIns="0" bIns="0" rtlCol="0">
            <a:spAutoFit/>
          </a:bodyPr>
          <a:lstStyle/>
          <a:p>
            <a:pPr marL="75294" marR="2024783" algn="just">
              <a:lnSpc>
                <a:spcPts val="786"/>
              </a:lnSpc>
              <a:spcBef>
                <a:spcPts val="307"/>
              </a:spcBef>
            </a:pPr>
            <a:r>
              <a:rPr sz="786" spc="-36" dirty="0">
                <a:latin typeface="HG丸ｺﾞｼｯｸM-PRO"/>
                <a:cs typeface="HG丸ｺﾞｼｯｸM-PRO"/>
              </a:rPr>
              <a:t>提案手法</a:t>
            </a:r>
            <a:endParaRPr sz="786">
              <a:latin typeface="HG丸ｺﾞｼｯｸM-PRO"/>
              <a:cs typeface="HG丸ｺﾞｼｯｸM-PRO"/>
            </a:endParaRPr>
          </a:p>
        </p:txBody>
      </p:sp>
      <p:grpSp>
        <p:nvGrpSpPr>
          <p:cNvPr id="78" name="object 78"/>
          <p:cNvGrpSpPr/>
          <p:nvPr/>
        </p:nvGrpSpPr>
        <p:grpSpPr>
          <a:xfrm>
            <a:off x="8067403" y="4665617"/>
            <a:ext cx="101600" cy="390071"/>
            <a:chOff x="9160764" y="6531864"/>
            <a:chExt cx="142240" cy="546100"/>
          </a:xfrm>
        </p:grpSpPr>
        <p:sp>
          <p:nvSpPr>
            <p:cNvPr id="79" name="object 79"/>
            <p:cNvSpPr/>
            <p:nvPr/>
          </p:nvSpPr>
          <p:spPr>
            <a:xfrm>
              <a:off x="9162288" y="6533388"/>
              <a:ext cx="139065" cy="542925"/>
            </a:xfrm>
            <a:custGeom>
              <a:avLst/>
              <a:gdLst/>
              <a:ahLst/>
              <a:cxnLst/>
              <a:rect l="l" t="t" r="r" b="b"/>
              <a:pathLst>
                <a:path w="139065" h="542925">
                  <a:moveTo>
                    <a:pt x="69341" y="0"/>
                  </a:moveTo>
                  <a:lnTo>
                    <a:pt x="69341" y="135635"/>
                  </a:lnTo>
                  <a:lnTo>
                    <a:pt x="0" y="135635"/>
                  </a:lnTo>
                  <a:lnTo>
                    <a:pt x="0" y="406907"/>
                  </a:lnTo>
                  <a:lnTo>
                    <a:pt x="69341" y="406907"/>
                  </a:lnTo>
                  <a:lnTo>
                    <a:pt x="69341" y="542543"/>
                  </a:lnTo>
                  <a:lnTo>
                    <a:pt x="138683" y="271271"/>
                  </a:lnTo>
                  <a:lnTo>
                    <a:pt x="69341" y="0"/>
                  </a:lnTo>
                  <a:close/>
                </a:path>
              </a:pathLst>
            </a:custGeom>
            <a:solidFill>
              <a:srgbClr val="FFFFFF"/>
            </a:solidFill>
          </p:spPr>
          <p:txBody>
            <a:bodyPr wrap="square" lIns="0" tIns="0" rIns="0" bIns="0" rtlCol="0"/>
            <a:lstStyle/>
            <a:p>
              <a:endParaRPr sz="1286"/>
            </a:p>
          </p:txBody>
        </p:sp>
        <p:sp>
          <p:nvSpPr>
            <p:cNvPr id="80" name="object 80"/>
            <p:cNvSpPr/>
            <p:nvPr/>
          </p:nvSpPr>
          <p:spPr>
            <a:xfrm>
              <a:off x="9162288" y="6533388"/>
              <a:ext cx="139065" cy="542925"/>
            </a:xfrm>
            <a:custGeom>
              <a:avLst/>
              <a:gdLst/>
              <a:ahLst/>
              <a:cxnLst/>
              <a:rect l="l" t="t" r="r" b="b"/>
              <a:pathLst>
                <a:path w="139065" h="542925">
                  <a:moveTo>
                    <a:pt x="0" y="135635"/>
                  </a:moveTo>
                  <a:lnTo>
                    <a:pt x="69341" y="135635"/>
                  </a:lnTo>
                  <a:lnTo>
                    <a:pt x="69341" y="0"/>
                  </a:lnTo>
                  <a:lnTo>
                    <a:pt x="138683" y="271271"/>
                  </a:lnTo>
                  <a:lnTo>
                    <a:pt x="69341" y="542543"/>
                  </a:lnTo>
                  <a:lnTo>
                    <a:pt x="69341" y="406907"/>
                  </a:lnTo>
                  <a:lnTo>
                    <a:pt x="0" y="406907"/>
                  </a:lnTo>
                  <a:lnTo>
                    <a:pt x="0" y="135635"/>
                  </a:lnTo>
                  <a:close/>
                </a:path>
              </a:pathLst>
            </a:custGeom>
            <a:ln w="3175">
              <a:solidFill>
                <a:srgbClr val="000000"/>
              </a:solidFill>
            </a:ln>
          </p:spPr>
          <p:txBody>
            <a:bodyPr wrap="square" lIns="0" tIns="0" rIns="0" bIns="0" rtlCol="0"/>
            <a:lstStyle/>
            <a:p>
              <a:endParaRPr sz="1286"/>
            </a:p>
          </p:txBody>
        </p:sp>
      </p:grpSp>
      <p:grpSp>
        <p:nvGrpSpPr>
          <p:cNvPr id="81" name="object 81"/>
          <p:cNvGrpSpPr/>
          <p:nvPr/>
        </p:nvGrpSpPr>
        <p:grpSpPr>
          <a:xfrm>
            <a:off x="1524000" y="2250076"/>
            <a:ext cx="8397421" cy="1746250"/>
            <a:chOff x="0" y="3150107"/>
            <a:chExt cx="11756390" cy="2444750"/>
          </a:xfrm>
        </p:grpSpPr>
        <p:pic>
          <p:nvPicPr>
            <p:cNvPr id="82" name="object 82"/>
            <p:cNvPicPr/>
            <p:nvPr/>
          </p:nvPicPr>
          <p:blipFill>
            <a:blip r:embed="rId7" cstate="print"/>
            <a:stretch>
              <a:fillRect/>
            </a:stretch>
          </p:blipFill>
          <p:spPr>
            <a:xfrm>
              <a:off x="7578852" y="3150107"/>
              <a:ext cx="4177284" cy="1819656"/>
            </a:xfrm>
            <a:prstGeom prst="rect">
              <a:avLst/>
            </a:prstGeom>
          </p:spPr>
        </p:pic>
        <p:pic>
          <p:nvPicPr>
            <p:cNvPr id="83" name="object 83"/>
            <p:cNvPicPr/>
            <p:nvPr/>
          </p:nvPicPr>
          <p:blipFill>
            <a:blip r:embed="rId8" cstate="print"/>
            <a:stretch>
              <a:fillRect/>
            </a:stretch>
          </p:blipFill>
          <p:spPr>
            <a:xfrm>
              <a:off x="0" y="4968239"/>
              <a:ext cx="2462784" cy="626363"/>
            </a:xfrm>
            <a:prstGeom prst="rect">
              <a:avLst/>
            </a:prstGeom>
          </p:spPr>
        </p:pic>
      </p:grpSp>
      <p:sp>
        <p:nvSpPr>
          <p:cNvPr id="84" name="object 84"/>
          <p:cNvSpPr txBox="1"/>
          <p:nvPr/>
        </p:nvSpPr>
        <p:spPr>
          <a:xfrm>
            <a:off x="1633582" y="3559379"/>
            <a:ext cx="2813957" cy="876990"/>
          </a:xfrm>
          <a:prstGeom prst="rect">
            <a:avLst/>
          </a:prstGeom>
        </p:spPr>
        <p:txBody>
          <a:bodyPr vert="horz" wrap="square" lIns="0" tIns="61232" rIns="0" bIns="0" rtlCol="0">
            <a:spAutoFit/>
          </a:bodyPr>
          <a:lstStyle/>
          <a:p>
            <a:pPr marL="9072">
              <a:spcBef>
                <a:spcPts val="482"/>
              </a:spcBef>
            </a:pPr>
            <a:r>
              <a:rPr sz="1571" spc="-25" dirty="0">
                <a:latin typeface="HGP創英角ｺﾞｼｯｸUB"/>
                <a:cs typeface="HGP創英角ｺﾞｼｯｸUB"/>
              </a:rPr>
              <a:t>４．提案のポイント</a:t>
            </a:r>
            <a:endParaRPr sz="1571">
              <a:latin typeface="HGP創英角ｺﾞｼｯｸUB"/>
              <a:cs typeface="HGP創英角ｺﾞｼｯｸUB"/>
            </a:endParaRPr>
          </a:p>
          <a:p>
            <a:pPr marL="289838" indent="-233140">
              <a:spcBef>
                <a:spcPts val="300"/>
              </a:spcBef>
              <a:buAutoNum type="arabicParenBoth"/>
              <a:tabLst>
                <a:tab pos="290292" algn="l"/>
              </a:tabLst>
            </a:pPr>
            <a:r>
              <a:rPr sz="1143" spc="-21" dirty="0">
                <a:solidFill>
                  <a:srgbClr val="1F3863"/>
                </a:solidFill>
                <a:latin typeface="HGPｺﾞｼｯｸE"/>
                <a:cs typeface="HGPｺﾞｼｯｸE"/>
              </a:rPr>
              <a:t>小・大規模修繕を含む橋梁包括管理業務</a:t>
            </a:r>
            <a:endParaRPr sz="1143">
              <a:latin typeface="HGPｺﾞｼｯｸE"/>
              <a:cs typeface="HGPｺﾞｼｯｸE"/>
            </a:endParaRPr>
          </a:p>
          <a:p>
            <a:pPr marL="336102" lvl="1" indent="-190957">
              <a:spcBef>
                <a:spcPts val="268"/>
              </a:spcBef>
              <a:buChar char="○"/>
              <a:tabLst>
                <a:tab pos="336557" algn="l"/>
              </a:tabLst>
            </a:pPr>
            <a:r>
              <a:rPr sz="1000" spc="-14" dirty="0">
                <a:latin typeface="ＭＳ ゴシック"/>
                <a:cs typeface="ＭＳ ゴシック"/>
              </a:rPr>
              <a:t>民間事業者によるエリアマネジメント</a:t>
            </a:r>
            <a:endParaRPr sz="1000">
              <a:latin typeface="ＭＳ ゴシック"/>
              <a:cs typeface="ＭＳ ゴシック"/>
            </a:endParaRPr>
          </a:p>
          <a:p>
            <a:pPr marL="336102">
              <a:spcBef>
                <a:spcPts val="86"/>
              </a:spcBef>
            </a:pPr>
            <a:r>
              <a:rPr sz="1000" dirty="0">
                <a:latin typeface="ＭＳ ゴシック"/>
                <a:cs typeface="ＭＳ ゴシック"/>
              </a:rPr>
              <a:t>（</a:t>
            </a:r>
            <a:r>
              <a:rPr sz="1000" spc="-4" dirty="0">
                <a:latin typeface="ＭＳ ゴシック"/>
                <a:cs typeface="ＭＳ ゴシック"/>
              </a:rPr>
              <a:t>市中心部の約</a:t>
            </a:r>
            <a:r>
              <a:rPr sz="1000" spc="-7" dirty="0">
                <a:latin typeface="ＭＳ ゴシック"/>
                <a:cs typeface="ＭＳ ゴシック"/>
              </a:rPr>
              <a:t>600</a:t>
            </a:r>
            <a:r>
              <a:rPr sz="1000" dirty="0">
                <a:latin typeface="ＭＳ ゴシック"/>
                <a:cs typeface="ＭＳ ゴシック"/>
              </a:rPr>
              <a:t>橋対象</a:t>
            </a:r>
            <a:r>
              <a:rPr sz="1000" spc="-36" dirty="0">
                <a:latin typeface="ＭＳ ゴシック"/>
                <a:cs typeface="ＭＳ ゴシック"/>
              </a:rPr>
              <a:t>）</a:t>
            </a:r>
            <a:endParaRPr sz="1000">
              <a:latin typeface="ＭＳ ゴシック"/>
              <a:cs typeface="ＭＳ ゴシック"/>
            </a:endParaRPr>
          </a:p>
        </p:txBody>
      </p:sp>
      <p:sp>
        <p:nvSpPr>
          <p:cNvPr id="85" name="object 85"/>
          <p:cNvSpPr txBox="1"/>
          <p:nvPr/>
        </p:nvSpPr>
        <p:spPr>
          <a:xfrm>
            <a:off x="10490834" y="30535"/>
            <a:ext cx="95704" cy="193368"/>
          </a:xfrm>
          <a:prstGeom prst="rect">
            <a:avLst/>
          </a:prstGeom>
        </p:spPr>
        <p:txBody>
          <a:bodyPr vert="horz" wrap="square" lIns="0" tIns="11793" rIns="0" bIns="0" rtlCol="0">
            <a:spAutoFit/>
          </a:bodyPr>
          <a:lstStyle/>
          <a:p>
            <a:pPr marL="9072">
              <a:spcBef>
                <a:spcPts val="93"/>
              </a:spcBef>
            </a:pPr>
            <a:r>
              <a:rPr sz="1179" spc="11" dirty="0">
                <a:solidFill>
                  <a:srgbClr val="888888"/>
                </a:solidFill>
                <a:latin typeface="Calibri"/>
                <a:cs typeface="Calibri"/>
              </a:rPr>
              <a:t>1</a:t>
            </a:r>
            <a:endParaRPr sz="1179">
              <a:latin typeface="Calibri"/>
              <a:cs typeface="Calibri"/>
            </a:endParaRPr>
          </a:p>
        </p:txBody>
      </p:sp>
      <p:pic>
        <p:nvPicPr>
          <p:cNvPr id="86" name="object 86"/>
          <p:cNvPicPr/>
          <p:nvPr/>
        </p:nvPicPr>
        <p:blipFill>
          <a:blip r:embed="rId9" cstate="print"/>
          <a:stretch>
            <a:fillRect/>
          </a:stretch>
        </p:blipFill>
        <p:spPr>
          <a:xfrm>
            <a:off x="1524000" y="5419996"/>
            <a:ext cx="930729" cy="447403"/>
          </a:xfrm>
          <a:prstGeom prst="rect">
            <a:avLst/>
          </a:prstGeom>
        </p:spPr>
      </p:pic>
      <p:sp>
        <p:nvSpPr>
          <p:cNvPr id="87" name="object 87"/>
          <p:cNvSpPr txBox="1"/>
          <p:nvPr/>
        </p:nvSpPr>
        <p:spPr>
          <a:xfrm>
            <a:off x="1623132" y="5484041"/>
            <a:ext cx="698500" cy="250435"/>
          </a:xfrm>
          <a:prstGeom prst="rect">
            <a:avLst/>
          </a:prstGeom>
        </p:spPr>
        <p:txBody>
          <a:bodyPr vert="horz" wrap="square" lIns="0" tIns="8618" rIns="0" bIns="0" rtlCol="0">
            <a:spAutoFit/>
          </a:bodyPr>
          <a:lstStyle/>
          <a:p>
            <a:pPr marL="9072">
              <a:spcBef>
                <a:spcPts val="68"/>
              </a:spcBef>
            </a:pPr>
            <a:r>
              <a:rPr sz="1571" spc="-25" dirty="0">
                <a:latin typeface="HGP創英角ｺﾞｼｯｸUB"/>
                <a:cs typeface="HGP創英角ｺﾞｼｯｸUB"/>
              </a:rPr>
              <a:t>５．効果</a:t>
            </a:r>
            <a:endParaRPr sz="1571">
              <a:latin typeface="HGP創英角ｺﾞｼｯｸUB"/>
              <a:cs typeface="HGP創英角ｺﾞｼｯｸUB"/>
            </a:endParaRPr>
          </a:p>
        </p:txBody>
      </p:sp>
      <p:grpSp>
        <p:nvGrpSpPr>
          <p:cNvPr id="88" name="object 88"/>
          <p:cNvGrpSpPr/>
          <p:nvPr/>
        </p:nvGrpSpPr>
        <p:grpSpPr>
          <a:xfrm>
            <a:off x="1685109" y="854528"/>
            <a:ext cx="469446" cy="861332"/>
            <a:chOff x="225552" y="1196339"/>
            <a:chExt cx="657225" cy="1205865"/>
          </a:xfrm>
        </p:grpSpPr>
        <p:sp>
          <p:nvSpPr>
            <p:cNvPr id="89" name="object 89"/>
            <p:cNvSpPr/>
            <p:nvPr/>
          </p:nvSpPr>
          <p:spPr>
            <a:xfrm>
              <a:off x="664464" y="1964435"/>
              <a:ext cx="218440" cy="437515"/>
            </a:xfrm>
            <a:custGeom>
              <a:avLst/>
              <a:gdLst/>
              <a:ahLst/>
              <a:cxnLst/>
              <a:rect l="l" t="t" r="r" b="b"/>
              <a:pathLst>
                <a:path w="218440" h="437514">
                  <a:moveTo>
                    <a:pt x="108965" y="0"/>
                  </a:moveTo>
                  <a:lnTo>
                    <a:pt x="108965" y="109347"/>
                  </a:lnTo>
                  <a:lnTo>
                    <a:pt x="0" y="109347"/>
                  </a:lnTo>
                  <a:lnTo>
                    <a:pt x="0" y="328041"/>
                  </a:lnTo>
                  <a:lnTo>
                    <a:pt x="108965" y="328041"/>
                  </a:lnTo>
                  <a:lnTo>
                    <a:pt x="108965" y="437388"/>
                  </a:lnTo>
                  <a:lnTo>
                    <a:pt x="217932" y="218694"/>
                  </a:lnTo>
                  <a:lnTo>
                    <a:pt x="108965" y="0"/>
                  </a:lnTo>
                  <a:close/>
                </a:path>
              </a:pathLst>
            </a:custGeom>
            <a:solidFill>
              <a:srgbClr val="BEBEBE"/>
            </a:solidFill>
          </p:spPr>
          <p:txBody>
            <a:bodyPr wrap="square" lIns="0" tIns="0" rIns="0" bIns="0" rtlCol="0"/>
            <a:lstStyle/>
            <a:p>
              <a:endParaRPr sz="1286"/>
            </a:p>
          </p:txBody>
        </p:sp>
        <p:sp>
          <p:nvSpPr>
            <p:cNvPr id="90" name="object 90"/>
            <p:cNvSpPr/>
            <p:nvPr/>
          </p:nvSpPr>
          <p:spPr>
            <a:xfrm>
              <a:off x="225552" y="1196339"/>
              <a:ext cx="184785" cy="676910"/>
            </a:xfrm>
            <a:custGeom>
              <a:avLst/>
              <a:gdLst/>
              <a:ahLst/>
              <a:cxnLst/>
              <a:rect l="l" t="t" r="r" b="b"/>
              <a:pathLst>
                <a:path w="184784" h="676910">
                  <a:moveTo>
                    <a:pt x="184404" y="0"/>
                  </a:moveTo>
                  <a:lnTo>
                    <a:pt x="0" y="0"/>
                  </a:lnTo>
                  <a:lnTo>
                    <a:pt x="0" y="676655"/>
                  </a:lnTo>
                  <a:lnTo>
                    <a:pt x="184404" y="676655"/>
                  </a:lnTo>
                  <a:lnTo>
                    <a:pt x="184404" y="0"/>
                  </a:lnTo>
                  <a:close/>
                </a:path>
              </a:pathLst>
            </a:custGeom>
            <a:solidFill>
              <a:srgbClr val="FFFFFF"/>
            </a:solidFill>
          </p:spPr>
          <p:txBody>
            <a:bodyPr wrap="square" lIns="0" tIns="0" rIns="0" bIns="0" rtlCol="0"/>
            <a:lstStyle/>
            <a:p>
              <a:endParaRPr sz="1286"/>
            </a:p>
          </p:txBody>
        </p:sp>
      </p:grpSp>
      <p:sp>
        <p:nvSpPr>
          <p:cNvPr id="91" name="object 91"/>
          <p:cNvSpPr txBox="1"/>
          <p:nvPr/>
        </p:nvSpPr>
        <p:spPr>
          <a:xfrm>
            <a:off x="1685109" y="854528"/>
            <a:ext cx="131989" cy="377026"/>
          </a:xfrm>
          <a:prstGeom prst="rect">
            <a:avLst/>
          </a:prstGeom>
          <a:ln w="6096">
            <a:solidFill>
              <a:srgbClr val="000000"/>
            </a:solidFill>
          </a:ln>
        </p:spPr>
        <p:txBody>
          <a:bodyPr vert="horz" wrap="square" lIns="0" tIns="3175" rIns="0" bIns="0" rtlCol="0">
            <a:spAutoFit/>
          </a:bodyPr>
          <a:lstStyle/>
          <a:p>
            <a:pPr>
              <a:spcBef>
                <a:spcPts val="25"/>
              </a:spcBef>
            </a:pPr>
            <a:endParaRPr sz="929">
              <a:latin typeface="Times New Roman"/>
              <a:cs typeface="Times New Roman"/>
            </a:endParaRPr>
          </a:p>
          <a:p>
            <a:pPr marL="11340" marR="5443">
              <a:lnSpc>
                <a:spcPts val="857"/>
              </a:lnSpc>
              <a:spcBef>
                <a:spcPts val="4"/>
              </a:spcBef>
            </a:pPr>
            <a:r>
              <a:rPr sz="857" spc="-36" dirty="0">
                <a:latin typeface="ＭＳ Ｐゴシック"/>
                <a:cs typeface="ＭＳ Ｐゴシック"/>
              </a:rPr>
              <a:t>課題</a:t>
            </a:r>
            <a:endParaRPr sz="857">
              <a:latin typeface="ＭＳ Ｐゴシック"/>
              <a:cs typeface="ＭＳ Ｐゴシック"/>
            </a:endParaRPr>
          </a:p>
        </p:txBody>
      </p:sp>
      <p:grpSp>
        <p:nvGrpSpPr>
          <p:cNvPr id="92" name="object 92"/>
          <p:cNvGrpSpPr/>
          <p:nvPr/>
        </p:nvGrpSpPr>
        <p:grpSpPr>
          <a:xfrm>
            <a:off x="1699169" y="1393280"/>
            <a:ext cx="282121" cy="300718"/>
            <a:chOff x="245236" y="1950592"/>
            <a:chExt cx="394970" cy="421005"/>
          </a:xfrm>
        </p:grpSpPr>
        <p:sp>
          <p:nvSpPr>
            <p:cNvPr id="93" name="object 93"/>
            <p:cNvSpPr/>
            <p:nvPr/>
          </p:nvSpPr>
          <p:spPr>
            <a:xfrm>
              <a:off x="248411" y="1953767"/>
              <a:ext cx="388620" cy="414655"/>
            </a:xfrm>
            <a:custGeom>
              <a:avLst/>
              <a:gdLst/>
              <a:ahLst/>
              <a:cxnLst/>
              <a:rect l="l" t="t" r="r" b="b"/>
              <a:pathLst>
                <a:path w="388620" h="414655">
                  <a:moveTo>
                    <a:pt x="388620" y="0"/>
                  </a:moveTo>
                  <a:lnTo>
                    <a:pt x="0" y="0"/>
                  </a:lnTo>
                  <a:lnTo>
                    <a:pt x="0" y="414527"/>
                  </a:lnTo>
                  <a:lnTo>
                    <a:pt x="388620" y="414527"/>
                  </a:lnTo>
                  <a:lnTo>
                    <a:pt x="388620" y="0"/>
                  </a:lnTo>
                  <a:close/>
                </a:path>
              </a:pathLst>
            </a:custGeom>
            <a:solidFill>
              <a:srgbClr val="FFFFFF"/>
            </a:solidFill>
          </p:spPr>
          <p:txBody>
            <a:bodyPr wrap="square" lIns="0" tIns="0" rIns="0" bIns="0" rtlCol="0"/>
            <a:lstStyle/>
            <a:p>
              <a:endParaRPr sz="1286"/>
            </a:p>
          </p:txBody>
        </p:sp>
        <p:sp>
          <p:nvSpPr>
            <p:cNvPr id="94" name="object 94"/>
            <p:cNvSpPr/>
            <p:nvPr/>
          </p:nvSpPr>
          <p:spPr>
            <a:xfrm>
              <a:off x="248411" y="1953767"/>
              <a:ext cx="388620" cy="414655"/>
            </a:xfrm>
            <a:custGeom>
              <a:avLst/>
              <a:gdLst/>
              <a:ahLst/>
              <a:cxnLst/>
              <a:rect l="l" t="t" r="r" b="b"/>
              <a:pathLst>
                <a:path w="388620" h="414655">
                  <a:moveTo>
                    <a:pt x="0" y="414527"/>
                  </a:moveTo>
                  <a:lnTo>
                    <a:pt x="388620" y="414527"/>
                  </a:lnTo>
                  <a:lnTo>
                    <a:pt x="388620" y="0"/>
                  </a:lnTo>
                  <a:lnTo>
                    <a:pt x="0" y="0"/>
                  </a:lnTo>
                  <a:lnTo>
                    <a:pt x="0" y="414527"/>
                  </a:lnTo>
                  <a:close/>
                </a:path>
              </a:pathLst>
            </a:custGeom>
            <a:ln w="6096">
              <a:solidFill>
                <a:srgbClr val="000000"/>
              </a:solidFill>
            </a:ln>
          </p:spPr>
          <p:txBody>
            <a:bodyPr wrap="square" lIns="0" tIns="0" rIns="0" bIns="0" rtlCol="0"/>
            <a:lstStyle/>
            <a:p>
              <a:endParaRPr sz="1286"/>
            </a:p>
          </p:txBody>
        </p:sp>
      </p:grpSp>
      <p:sp>
        <p:nvSpPr>
          <p:cNvPr id="95" name="object 95"/>
          <p:cNvSpPr txBox="1"/>
          <p:nvPr/>
        </p:nvSpPr>
        <p:spPr>
          <a:xfrm>
            <a:off x="1701436" y="1395548"/>
            <a:ext cx="277586" cy="302739"/>
          </a:xfrm>
          <a:prstGeom prst="rect">
            <a:avLst/>
          </a:prstGeom>
        </p:spPr>
        <p:txBody>
          <a:bodyPr vert="horz" wrap="square" lIns="0" tIns="45811" rIns="0" bIns="0" rtlCol="0">
            <a:spAutoFit/>
          </a:bodyPr>
          <a:lstStyle/>
          <a:p>
            <a:pPr marL="29936" marR="24040">
              <a:lnSpc>
                <a:spcPts val="971"/>
              </a:lnSpc>
              <a:spcBef>
                <a:spcPts val="361"/>
              </a:spcBef>
            </a:pPr>
            <a:r>
              <a:rPr sz="857" spc="-18" dirty="0">
                <a:latin typeface="ＭＳ Ｐゴシック"/>
                <a:cs typeface="ＭＳ Ｐゴシック"/>
              </a:rPr>
              <a:t>解決方策</a:t>
            </a:r>
            <a:endParaRPr sz="857">
              <a:latin typeface="ＭＳ Ｐゴシック"/>
              <a:cs typeface="ＭＳ Ｐゴシック"/>
            </a:endParaRPr>
          </a:p>
        </p:txBody>
      </p:sp>
      <p:grpSp>
        <p:nvGrpSpPr>
          <p:cNvPr id="96" name="object 96"/>
          <p:cNvGrpSpPr/>
          <p:nvPr/>
        </p:nvGrpSpPr>
        <p:grpSpPr>
          <a:xfrm>
            <a:off x="5950041" y="1399811"/>
            <a:ext cx="454025" cy="322489"/>
            <a:chOff x="6196457" y="1959736"/>
            <a:chExt cx="635635" cy="451484"/>
          </a:xfrm>
        </p:grpSpPr>
        <p:sp>
          <p:nvSpPr>
            <p:cNvPr id="97" name="object 97"/>
            <p:cNvSpPr/>
            <p:nvPr/>
          </p:nvSpPr>
          <p:spPr>
            <a:xfrm>
              <a:off x="6614160" y="1973579"/>
              <a:ext cx="218440" cy="437515"/>
            </a:xfrm>
            <a:custGeom>
              <a:avLst/>
              <a:gdLst/>
              <a:ahLst/>
              <a:cxnLst/>
              <a:rect l="l" t="t" r="r" b="b"/>
              <a:pathLst>
                <a:path w="218440" h="437514">
                  <a:moveTo>
                    <a:pt x="108966" y="0"/>
                  </a:moveTo>
                  <a:lnTo>
                    <a:pt x="108966" y="109347"/>
                  </a:lnTo>
                  <a:lnTo>
                    <a:pt x="0" y="109347"/>
                  </a:lnTo>
                  <a:lnTo>
                    <a:pt x="0" y="328041"/>
                  </a:lnTo>
                  <a:lnTo>
                    <a:pt x="108966" y="328041"/>
                  </a:lnTo>
                  <a:lnTo>
                    <a:pt x="108966" y="437388"/>
                  </a:lnTo>
                  <a:lnTo>
                    <a:pt x="217932" y="218694"/>
                  </a:lnTo>
                  <a:lnTo>
                    <a:pt x="108966" y="0"/>
                  </a:lnTo>
                  <a:close/>
                </a:path>
              </a:pathLst>
            </a:custGeom>
            <a:solidFill>
              <a:srgbClr val="BEBEBE"/>
            </a:solidFill>
          </p:spPr>
          <p:txBody>
            <a:bodyPr wrap="square" lIns="0" tIns="0" rIns="0" bIns="0" rtlCol="0"/>
            <a:lstStyle/>
            <a:p>
              <a:endParaRPr sz="1286"/>
            </a:p>
          </p:txBody>
        </p:sp>
        <p:sp>
          <p:nvSpPr>
            <p:cNvPr id="98" name="object 98"/>
            <p:cNvSpPr/>
            <p:nvPr/>
          </p:nvSpPr>
          <p:spPr>
            <a:xfrm>
              <a:off x="6199632" y="1962911"/>
              <a:ext cx="387350" cy="434340"/>
            </a:xfrm>
            <a:custGeom>
              <a:avLst/>
              <a:gdLst/>
              <a:ahLst/>
              <a:cxnLst/>
              <a:rect l="l" t="t" r="r" b="b"/>
              <a:pathLst>
                <a:path w="387350" h="434339">
                  <a:moveTo>
                    <a:pt x="387095" y="0"/>
                  </a:moveTo>
                  <a:lnTo>
                    <a:pt x="0" y="0"/>
                  </a:lnTo>
                  <a:lnTo>
                    <a:pt x="0" y="434340"/>
                  </a:lnTo>
                  <a:lnTo>
                    <a:pt x="387095" y="434340"/>
                  </a:lnTo>
                  <a:lnTo>
                    <a:pt x="387095" y="0"/>
                  </a:lnTo>
                  <a:close/>
                </a:path>
              </a:pathLst>
            </a:custGeom>
            <a:solidFill>
              <a:srgbClr val="FFFFFF"/>
            </a:solidFill>
          </p:spPr>
          <p:txBody>
            <a:bodyPr wrap="square" lIns="0" tIns="0" rIns="0" bIns="0" rtlCol="0"/>
            <a:lstStyle/>
            <a:p>
              <a:endParaRPr sz="1286"/>
            </a:p>
          </p:txBody>
        </p:sp>
        <p:sp>
          <p:nvSpPr>
            <p:cNvPr id="99" name="object 99"/>
            <p:cNvSpPr/>
            <p:nvPr/>
          </p:nvSpPr>
          <p:spPr>
            <a:xfrm>
              <a:off x="6199632" y="1962911"/>
              <a:ext cx="387350" cy="434340"/>
            </a:xfrm>
            <a:custGeom>
              <a:avLst/>
              <a:gdLst/>
              <a:ahLst/>
              <a:cxnLst/>
              <a:rect l="l" t="t" r="r" b="b"/>
              <a:pathLst>
                <a:path w="387350" h="434339">
                  <a:moveTo>
                    <a:pt x="0" y="434340"/>
                  </a:moveTo>
                  <a:lnTo>
                    <a:pt x="387095" y="434340"/>
                  </a:lnTo>
                  <a:lnTo>
                    <a:pt x="387095" y="0"/>
                  </a:lnTo>
                  <a:lnTo>
                    <a:pt x="0" y="0"/>
                  </a:lnTo>
                  <a:lnTo>
                    <a:pt x="0" y="434340"/>
                  </a:lnTo>
                  <a:close/>
                </a:path>
              </a:pathLst>
            </a:custGeom>
            <a:ln w="6095">
              <a:solidFill>
                <a:srgbClr val="000000"/>
              </a:solidFill>
            </a:ln>
          </p:spPr>
          <p:txBody>
            <a:bodyPr wrap="square" lIns="0" tIns="0" rIns="0" bIns="0" rtlCol="0"/>
            <a:lstStyle/>
            <a:p>
              <a:endParaRPr sz="1286"/>
            </a:p>
          </p:txBody>
        </p:sp>
      </p:grpSp>
      <p:sp>
        <p:nvSpPr>
          <p:cNvPr id="100" name="object 100"/>
          <p:cNvSpPr txBox="1"/>
          <p:nvPr/>
        </p:nvSpPr>
        <p:spPr>
          <a:xfrm>
            <a:off x="5934891" y="853441"/>
            <a:ext cx="131989" cy="377942"/>
          </a:xfrm>
          <a:prstGeom prst="rect">
            <a:avLst/>
          </a:prstGeom>
          <a:ln w="6096">
            <a:solidFill>
              <a:srgbClr val="000000"/>
            </a:solidFill>
          </a:ln>
        </p:spPr>
        <p:txBody>
          <a:bodyPr vert="horz" wrap="square" lIns="0" tIns="4082" rIns="0" bIns="0" rtlCol="0">
            <a:spAutoFit/>
          </a:bodyPr>
          <a:lstStyle/>
          <a:p>
            <a:pPr>
              <a:spcBef>
                <a:spcPts val="32"/>
              </a:spcBef>
            </a:pPr>
            <a:endParaRPr sz="929">
              <a:latin typeface="Times New Roman"/>
              <a:cs typeface="Times New Roman"/>
            </a:endParaRPr>
          </a:p>
          <a:p>
            <a:pPr marL="12700" marR="4082">
              <a:lnSpc>
                <a:spcPts val="857"/>
              </a:lnSpc>
              <a:spcBef>
                <a:spcPts val="4"/>
              </a:spcBef>
            </a:pPr>
            <a:r>
              <a:rPr sz="857" spc="-36" dirty="0">
                <a:latin typeface="ＭＳ Ｐゴシック"/>
                <a:cs typeface="ＭＳ Ｐゴシック"/>
              </a:rPr>
              <a:t>課題</a:t>
            </a:r>
            <a:endParaRPr sz="857">
              <a:latin typeface="ＭＳ Ｐゴシック"/>
              <a:cs typeface="ＭＳ Ｐゴシック"/>
            </a:endParaRPr>
          </a:p>
        </p:txBody>
      </p:sp>
      <p:sp>
        <p:nvSpPr>
          <p:cNvPr id="101" name="object 101"/>
          <p:cNvSpPr txBox="1"/>
          <p:nvPr/>
        </p:nvSpPr>
        <p:spPr>
          <a:xfrm>
            <a:off x="5952308" y="1402079"/>
            <a:ext cx="276679" cy="302739"/>
          </a:xfrm>
          <a:prstGeom prst="rect">
            <a:avLst/>
          </a:prstGeom>
        </p:spPr>
        <p:txBody>
          <a:bodyPr vert="horz" wrap="square" lIns="0" tIns="45811" rIns="0" bIns="0" rtlCol="0">
            <a:spAutoFit/>
          </a:bodyPr>
          <a:lstStyle/>
          <a:p>
            <a:pPr marL="29936" marR="22679">
              <a:lnSpc>
                <a:spcPts val="971"/>
              </a:lnSpc>
              <a:spcBef>
                <a:spcPts val="361"/>
              </a:spcBef>
            </a:pPr>
            <a:r>
              <a:rPr sz="857" spc="-18" dirty="0">
                <a:latin typeface="ＭＳ Ｐゴシック"/>
                <a:cs typeface="ＭＳ Ｐゴシック"/>
              </a:rPr>
              <a:t>解決方策</a:t>
            </a:r>
            <a:endParaRPr sz="857">
              <a:latin typeface="ＭＳ Ｐゴシック"/>
              <a:cs typeface="ＭＳ Ｐゴシック"/>
            </a:endParaRPr>
          </a:p>
        </p:txBody>
      </p:sp>
      <p:grpSp>
        <p:nvGrpSpPr>
          <p:cNvPr id="102" name="object 102"/>
          <p:cNvGrpSpPr/>
          <p:nvPr/>
        </p:nvGrpSpPr>
        <p:grpSpPr>
          <a:xfrm>
            <a:off x="1844039" y="2621280"/>
            <a:ext cx="8500836" cy="2790371"/>
            <a:chOff x="448055" y="3669791"/>
            <a:chExt cx="11901170" cy="3906520"/>
          </a:xfrm>
        </p:grpSpPr>
        <p:sp>
          <p:nvSpPr>
            <p:cNvPr id="103" name="object 103"/>
            <p:cNvSpPr/>
            <p:nvPr/>
          </p:nvSpPr>
          <p:spPr>
            <a:xfrm>
              <a:off x="2054352" y="4155947"/>
              <a:ext cx="2600325" cy="668020"/>
            </a:xfrm>
            <a:custGeom>
              <a:avLst/>
              <a:gdLst/>
              <a:ahLst/>
              <a:cxnLst/>
              <a:rect l="l" t="t" r="r" b="b"/>
              <a:pathLst>
                <a:path w="2600325" h="668020">
                  <a:moveTo>
                    <a:pt x="2561844" y="52578"/>
                  </a:moveTo>
                  <a:lnTo>
                    <a:pt x="2509266" y="0"/>
                  </a:lnTo>
                  <a:lnTo>
                    <a:pt x="2509266" y="26289"/>
                  </a:lnTo>
                  <a:lnTo>
                    <a:pt x="2247900" y="26289"/>
                  </a:lnTo>
                  <a:lnTo>
                    <a:pt x="2247900" y="78867"/>
                  </a:lnTo>
                  <a:lnTo>
                    <a:pt x="2509266" y="78867"/>
                  </a:lnTo>
                  <a:lnTo>
                    <a:pt x="2509266" y="105156"/>
                  </a:lnTo>
                  <a:lnTo>
                    <a:pt x="2561844" y="52578"/>
                  </a:lnTo>
                  <a:close/>
                </a:path>
                <a:path w="2600325" h="668020">
                  <a:moveTo>
                    <a:pt x="2599944" y="611886"/>
                  </a:moveTo>
                  <a:lnTo>
                    <a:pt x="2544318" y="556260"/>
                  </a:lnTo>
                  <a:lnTo>
                    <a:pt x="2544318" y="584073"/>
                  </a:lnTo>
                  <a:lnTo>
                    <a:pt x="2046732" y="584073"/>
                  </a:lnTo>
                  <a:lnTo>
                    <a:pt x="2046732" y="639699"/>
                  </a:lnTo>
                  <a:lnTo>
                    <a:pt x="2544318" y="639699"/>
                  </a:lnTo>
                  <a:lnTo>
                    <a:pt x="2544318" y="667512"/>
                  </a:lnTo>
                  <a:lnTo>
                    <a:pt x="2599944" y="611886"/>
                  </a:lnTo>
                  <a:close/>
                </a:path>
                <a:path w="2600325" h="668020">
                  <a:moveTo>
                    <a:pt x="2599944" y="378714"/>
                  </a:moveTo>
                  <a:lnTo>
                    <a:pt x="2544318" y="323088"/>
                  </a:lnTo>
                  <a:lnTo>
                    <a:pt x="2544318" y="350901"/>
                  </a:lnTo>
                  <a:lnTo>
                    <a:pt x="0" y="350901"/>
                  </a:lnTo>
                  <a:lnTo>
                    <a:pt x="0" y="406527"/>
                  </a:lnTo>
                  <a:lnTo>
                    <a:pt x="2544318" y="406527"/>
                  </a:lnTo>
                  <a:lnTo>
                    <a:pt x="2544318" y="434340"/>
                  </a:lnTo>
                  <a:lnTo>
                    <a:pt x="2599944" y="378714"/>
                  </a:lnTo>
                  <a:close/>
                </a:path>
              </a:pathLst>
            </a:custGeom>
            <a:solidFill>
              <a:srgbClr val="BEBEBE"/>
            </a:solidFill>
          </p:spPr>
          <p:txBody>
            <a:bodyPr wrap="square" lIns="0" tIns="0" rIns="0" bIns="0" rtlCol="0"/>
            <a:lstStyle/>
            <a:p>
              <a:endParaRPr sz="1286"/>
            </a:p>
          </p:txBody>
        </p:sp>
        <p:sp>
          <p:nvSpPr>
            <p:cNvPr id="104" name="object 104"/>
            <p:cNvSpPr/>
            <p:nvPr/>
          </p:nvSpPr>
          <p:spPr>
            <a:xfrm>
              <a:off x="452627" y="3669791"/>
              <a:ext cx="0" cy="1126490"/>
            </a:xfrm>
            <a:custGeom>
              <a:avLst/>
              <a:gdLst/>
              <a:ahLst/>
              <a:cxnLst/>
              <a:rect l="l" t="t" r="r" b="b"/>
              <a:pathLst>
                <a:path h="1126489">
                  <a:moveTo>
                    <a:pt x="0" y="0"/>
                  </a:moveTo>
                  <a:lnTo>
                    <a:pt x="0" y="1125982"/>
                  </a:lnTo>
                </a:path>
              </a:pathLst>
            </a:custGeom>
            <a:ln w="9144">
              <a:solidFill>
                <a:srgbClr val="000000"/>
              </a:solidFill>
            </a:ln>
          </p:spPr>
          <p:txBody>
            <a:bodyPr wrap="square" lIns="0" tIns="0" rIns="0" bIns="0" rtlCol="0"/>
            <a:lstStyle/>
            <a:p>
              <a:endParaRPr sz="1286"/>
            </a:p>
          </p:txBody>
        </p:sp>
        <p:pic>
          <p:nvPicPr>
            <p:cNvPr id="105" name="object 105"/>
            <p:cNvPicPr/>
            <p:nvPr/>
          </p:nvPicPr>
          <p:blipFill>
            <a:blip r:embed="rId10" cstate="print"/>
            <a:stretch>
              <a:fillRect/>
            </a:stretch>
          </p:blipFill>
          <p:spPr>
            <a:xfrm>
              <a:off x="9704832" y="6013703"/>
              <a:ext cx="2644139" cy="1545336"/>
            </a:xfrm>
            <a:prstGeom prst="rect">
              <a:avLst/>
            </a:prstGeom>
          </p:spPr>
        </p:pic>
        <p:pic>
          <p:nvPicPr>
            <p:cNvPr id="106" name="object 106"/>
            <p:cNvPicPr/>
            <p:nvPr/>
          </p:nvPicPr>
          <p:blipFill>
            <a:blip r:embed="rId11" cstate="print"/>
            <a:stretch>
              <a:fillRect/>
            </a:stretch>
          </p:blipFill>
          <p:spPr>
            <a:xfrm>
              <a:off x="6333744" y="6039611"/>
              <a:ext cx="2612136" cy="1536192"/>
            </a:xfrm>
            <a:prstGeom prst="rect">
              <a:avLst/>
            </a:prstGeom>
          </p:spPr>
        </p:pic>
      </p:grpSp>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1642654" y="3336471"/>
            <a:ext cx="8942614" cy="3447596"/>
            <a:chOff x="166115" y="4671059"/>
            <a:chExt cx="12519660" cy="4826635"/>
          </a:xfrm>
        </p:grpSpPr>
        <p:sp>
          <p:nvSpPr>
            <p:cNvPr id="3" name="object 3"/>
            <p:cNvSpPr/>
            <p:nvPr/>
          </p:nvSpPr>
          <p:spPr>
            <a:xfrm>
              <a:off x="169163" y="4674107"/>
              <a:ext cx="12513945" cy="4820920"/>
            </a:xfrm>
            <a:custGeom>
              <a:avLst/>
              <a:gdLst/>
              <a:ahLst/>
              <a:cxnLst/>
              <a:rect l="l" t="t" r="r" b="b"/>
              <a:pathLst>
                <a:path w="12513945" h="4820920">
                  <a:moveTo>
                    <a:pt x="12302490" y="0"/>
                  </a:moveTo>
                  <a:lnTo>
                    <a:pt x="211035" y="0"/>
                  </a:lnTo>
                  <a:lnTo>
                    <a:pt x="162648" y="5573"/>
                  </a:lnTo>
                  <a:lnTo>
                    <a:pt x="118229" y="21451"/>
                  </a:lnTo>
                  <a:lnTo>
                    <a:pt x="79045" y="46366"/>
                  </a:lnTo>
                  <a:lnTo>
                    <a:pt x="46363" y="79052"/>
                  </a:lnTo>
                  <a:lnTo>
                    <a:pt x="21450" y="118243"/>
                  </a:lnTo>
                  <a:lnTo>
                    <a:pt x="5573" y="162672"/>
                  </a:lnTo>
                  <a:lnTo>
                    <a:pt x="0" y="211074"/>
                  </a:lnTo>
                  <a:lnTo>
                    <a:pt x="0" y="4609376"/>
                  </a:lnTo>
                  <a:lnTo>
                    <a:pt x="5573" y="4657763"/>
                  </a:lnTo>
                  <a:lnTo>
                    <a:pt x="21450" y="4702182"/>
                  </a:lnTo>
                  <a:lnTo>
                    <a:pt x="46363" y="4741366"/>
                  </a:lnTo>
                  <a:lnTo>
                    <a:pt x="79045" y="4774048"/>
                  </a:lnTo>
                  <a:lnTo>
                    <a:pt x="118229" y="4798961"/>
                  </a:lnTo>
                  <a:lnTo>
                    <a:pt x="162648" y="4814838"/>
                  </a:lnTo>
                  <a:lnTo>
                    <a:pt x="211035" y="4820412"/>
                  </a:lnTo>
                  <a:lnTo>
                    <a:pt x="12302490" y="4820412"/>
                  </a:lnTo>
                  <a:lnTo>
                    <a:pt x="12350891" y="4814838"/>
                  </a:lnTo>
                  <a:lnTo>
                    <a:pt x="12395320" y="4798961"/>
                  </a:lnTo>
                  <a:lnTo>
                    <a:pt x="12434511" y="4774048"/>
                  </a:lnTo>
                  <a:lnTo>
                    <a:pt x="12467197" y="4741366"/>
                  </a:lnTo>
                  <a:lnTo>
                    <a:pt x="12492112" y="4702182"/>
                  </a:lnTo>
                  <a:lnTo>
                    <a:pt x="12507990" y="4657763"/>
                  </a:lnTo>
                  <a:lnTo>
                    <a:pt x="12513564" y="4609376"/>
                  </a:lnTo>
                  <a:lnTo>
                    <a:pt x="12513564" y="211074"/>
                  </a:lnTo>
                  <a:lnTo>
                    <a:pt x="12507990" y="162672"/>
                  </a:lnTo>
                  <a:lnTo>
                    <a:pt x="12492112" y="118243"/>
                  </a:lnTo>
                  <a:lnTo>
                    <a:pt x="12467197" y="79052"/>
                  </a:lnTo>
                  <a:lnTo>
                    <a:pt x="12434511" y="46366"/>
                  </a:lnTo>
                  <a:lnTo>
                    <a:pt x="12395320" y="21451"/>
                  </a:lnTo>
                  <a:lnTo>
                    <a:pt x="12350891" y="5573"/>
                  </a:lnTo>
                  <a:lnTo>
                    <a:pt x="12302490" y="0"/>
                  </a:lnTo>
                  <a:close/>
                </a:path>
              </a:pathLst>
            </a:custGeom>
            <a:solidFill>
              <a:srgbClr val="DEEBF7"/>
            </a:solidFill>
          </p:spPr>
          <p:txBody>
            <a:bodyPr wrap="square" lIns="0" tIns="0" rIns="0" bIns="0" rtlCol="0"/>
            <a:lstStyle/>
            <a:p>
              <a:endParaRPr sz="1286"/>
            </a:p>
          </p:txBody>
        </p:sp>
        <p:sp>
          <p:nvSpPr>
            <p:cNvPr id="4" name="object 4"/>
            <p:cNvSpPr/>
            <p:nvPr/>
          </p:nvSpPr>
          <p:spPr>
            <a:xfrm>
              <a:off x="169163" y="4674107"/>
              <a:ext cx="12513945" cy="4820920"/>
            </a:xfrm>
            <a:custGeom>
              <a:avLst/>
              <a:gdLst/>
              <a:ahLst/>
              <a:cxnLst/>
              <a:rect l="l" t="t" r="r" b="b"/>
              <a:pathLst>
                <a:path w="12513945" h="4820920">
                  <a:moveTo>
                    <a:pt x="0" y="211074"/>
                  </a:moveTo>
                  <a:lnTo>
                    <a:pt x="5573" y="162672"/>
                  </a:lnTo>
                  <a:lnTo>
                    <a:pt x="21450" y="118243"/>
                  </a:lnTo>
                  <a:lnTo>
                    <a:pt x="46363" y="79052"/>
                  </a:lnTo>
                  <a:lnTo>
                    <a:pt x="79045" y="46366"/>
                  </a:lnTo>
                  <a:lnTo>
                    <a:pt x="118229" y="21451"/>
                  </a:lnTo>
                  <a:lnTo>
                    <a:pt x="162648" y="5573"/>
                  </a:lnTo>
                  <a:lnTo>
                    <a:pt x="211035" y="0"/>
                  </a:lnTo>
                  <a:lnTo>
                    <a:pt x="12302490" y="0"/>
                  </a:lnTo>
                  <a:lnTo>
                    <a:pt x="12350891" y="5573"/>
                  </a:lnTo>
                  <a:lnTo>
                    <a:pt x="12395320" y="21451"/>
                  </a:lnTo>
                  <a:lnTo>
                    <a:pt x="12434511" y="46366"/>
                  </a:lnTo>
                  <a:lnTo>
                    <a:pt x="12467197" y="79052"/>
                  </a:lnTo>
                  <a:lnTo>
                    <a:pt x="12492112" y="118243"/>
                  </a:lnTo>
                  <a:lnTo>
                    <a:pt x="12507990" y="162672"/>
                  </a:lnTo>
                  <a:lnTo>
                    <a:pt x="12513564" y="211074"/>
                  </a:lnTo>
                  <a:lnTo>
                    <a:pt x="12513564" y="4609376"/>
                  </a:lnTo>
                  <a:lnTo>
                    <a:pt x="12507990" y="4657763"/>
                  </a:lnTo>
                  <a:lnTo>
                    <a:pt x="12492112" y="4702182"/>
                  </a:lnTo>
                  <a:lnTo>
                    <a:pt x="12467197" y="4741366"/>
                  </a:lnTo>
                  <a:lnTo>
                    <a:pt x="12434511" y="4774048"/>
                  </a:lnTo>
                  <a:lnTo>
                    <a:pt x="12395320" y="4798961"/>
                  </a:lnTo>
                  <a:lnTo>
                    <a:pt x="12350891" y="4814838"/>
                  </a:lnTo>
                  <a:lnTo>
                    <a:pt x="12302490" y="4820412"/>
                  </a:lnTo>
                  <a:lnTo>
                    <a:pt x="211035" y="4820412"/>
                  </a:lnTo>
                  <a:lnTo>
                    <a:pt x="162648" y="4814838"/>
                  </a:lnTo>
                  <a:lnTo>
                    <a:pt x="118229" y="4798961"/>
                  </a:lnTo>
                  <a:lnTo>
                    <a:pt x="79045" y="4774048"/>
                  </a:lnTo>
                  <a:lnTo>
                    <a:pt x="46363" y="4741366"/>
                  </a:lnTo>
                  <a:lnTo>
                    <a:pt x="21450" y="4702182"/>
                  </a:lnTo>
                  <a:lnTo>
                    <a:pt x="5573" y="4657763"/>
                  </a:lnTo>
                  <a:lnTo>
                    <a:pt x="0" y="4609376"/>
                  </a:lnTo>
                  <a:lnTo>
                    <a:pt x="0" y="211074"/>
                  </a:lnTo>
                  <a:close/>
                </a:path>
              </a:pathLst>
            </a:custGeom>
            <a:ln w="6096">
              <a:solidFill>
                <a:srgbClr val="9DC3E6"/>
              </a:solidFill>
            </a:ln>
          </p:spPr>
          <p:txBody>
            <a:bodyPr wrap="square" lIns="0" tIns="0" rIns="0" bIns="0" rtlCol="0"/>
            <a:lstStyle/>
            <a:p>
              <a:endParaRPr sz="1286"/>
            </a:p>
          </p:txBody>
        </p:sp>
      </p:grpSp>
      <p:grpSp>
        <p:nvGrpSpPr>
          <p:cNvPr id="5" name="object 5"/>
          <p:cNvGrpSpPr/>
          <p:nvPr/>
        </p:nvGrpSpPr>
        <p:grpSpPr>
          <a:xfrm>
            <a:off x="1556656" y="403861"/>
            <a:ext cx="9078686" cy="2494189"/>
            <a:chOff x="45719" y="565404"/>
            <a:chExt cx="12710160" cy="3491865"/>
          </a:xfrm>
        </p:grpSpPr>
        <p:sp>
          <p:nvSpPr>
            <p:cNvPr id="6" name="object 6"/>
            <p:cNvSpPr/>
            <p:nvPr/>
          </p:nvSpPr>
          <p:spPr>
            <a:xfrm>
              <a:off x="169164" y="1225295"/>
              <a:ext cx="12513945" cy="2828925"/>
            </a:xfrm>
            <a:custGeom>
              <a:avLst/>
              <a:gdLst/>
              <a:ahLst/>
              <a:cxnLst/>
              <a:rect l="l" t="t" r="r" b="b"/>
              <a:pathLst>
                <a:path w="12513945" h="2828925">
                  <a:moveTo>
                    <a:pt x="12334747" y="0"/>
                  </a:moveTo>
                  <a:lnTo>
                    <a:pt x="178790" y="0"/>
                  </a:lnTo>
                  <a:lnTo>
                    <a:pt x="131261" y="6384"/>
                  </a:lnTo>
                  <a:lnTo>
                    <a:pt x="88551" y="24402"/>
                  </a:lnTo>
                  <a:lnTo>
                    <a:pt x="52366" y="52355"/>
                  </a:lnTo>
                  <a:lnTo>
                    <a:pt x="24410" y="88542"/>
                  </a:lnTo>
                  <a:lnTo>
                    <a:pt x="6386" y="131262"/>
                  </a:lnTo>
                  <a:lnTo>
                    <a:pt x="0" y="178815"/>
                  </a:lnTo>
                  <a:lnTo>
                    <a:pt x="0" y="2649728"/>
                  </a:lnTo>
                  <a:lnTo>
                    <a:pt x="6386" y="2697281"/>
                  </a:lnTo>
                  <a:lnTo>
                    <a:pt x="24410" y="2740001"/>
                  </a:lnTo>
                  <a:lnTo>
                    <a:pt x="52366" y="2776188"/>
                  </a:lnTo>
                  <a:lnTo>
                    <a:pt x="88551" y="2804141"/>
                  </a:lnTo>
                  <a:lnTo>
                    <a:pt x="131261" y="2822159"/>
                  </a:lnTo>
                  <a:lnTo>
                    <a:pt x="178790" y="2828543"/>
                  </a:lnTo>
                  <a:lnTo>
                    <a:pt x="12334747" y="2828543"/>
                  </a:lnTo>
                  <a:lnTo>
                    <a:pt x="12382301" y="2822159"/>
                  </a:lnTo>
                  <a:lnTo>
                    <a:pt x="12425021" y="2804141"/>
                  </a:lnTo>
                  <a:lnTo>
                    <a:pt x="12461208" y="2776188"/>
                  </a:lnTo>
                  <a:lnTo>
                    <a:pt x="12489161" y="2740001"/>
                  </a:lnTo>
                  <a:lnTo>
                    <a:pt x="12507179" y="2697281"/>
                  </a:lnTo>
                  <a:lnTo>
                    <a:pt x="12513564" y="2649728"/>
                  </a:lnTo>
                  <a:lnTo>
                    <a:pt x="12513564" y="178815"/>
                  </a:lnTo>
                  <a:lnTo>
                    <a:pt x="12507179" y="131262"/>
                  </a:lnTo>
                  <a:lnTo>
                    <a:pt x="12489161" y="88542"/>
                  </a:lnTo>
                  <a:lnTo>
                    <a:pt x="12461208" y="52355"/>
                  </a:lnTo>
                  <a:lnTo>
                    <a:pt x="12425021" y="24402"/>
                  </a:lnTo>
                  <a:lnTo>
                    <a:pt x="12382301" y="6384"/>
                  </a:lnTo>
                  <a:lnTo>
                    <a:pt x="12334747" y="0"/>
                  </a:lnTo>
                  <a:close/>
                </a:path>
              </a:pathLst>
            </a:custGeom>
            <a:solidFill>
              <a:srgbClr val="DEEBF7"/>
            </a:solidFill>
          </p:spPr>
          <p:txBody>
            <a:bodyPr wrap="square" lIns="0" tIns="0" rIns="0" bIns="0" rtlCol="0"/>
            <a:lstStyle/>
            <a:p>
              <a:endParaRPr sz="1286"/>
            </a:p>
          </p:txBody>
        </p:sp>
        <p:sp>
          <p:nvSpPr>
            <p:cNvPr id="7" name="object 7"/>
            <p:cNvSpPr/>
            <p:nvPr/>
          </p:nvSpPr>
          <p:spPr>
            <a:xfrm>
              <a:off x="169164" y="1225295"/>
              <a:ext cx="12513945" cy="2828925"/>
            </a:xfrm>
            <a:custGeom>
              <a:avLst/>
              <a:gdLst/>
              <a:ahLst/>
              <a:cxnLst/>
              <a:rect l="l" t="t" r="r" b="b"/>
              <a:pathLst>
                <a:path w="12513945" h="2828925">
                  <a:moveTo>
                    <a:pt x="0" y="178815"/>
                  </a:moveTo>
                  <a:lnTo>
                    <a:pt x="6386" y="131262"/>
                  </a:lnTo>
                  <a:lnTo>
                    <a:pt x="24410" y="88542"/>
                  </a:lnTo>
                  <a:lnTo>
                    <a:pt x="52366" y="52355"/>
                  </a:lnTo>
                  <a:lnTo>
                    <a:pt x="88551" y="24402"/>
                  </a:lnTo>
                  <a:lnTo>
                    <a:pt x="131261" y="6384"/>
                  </a:lnTo>
                  <a:lnTo>
                    <a:pt x="178790" y="0"/>
                  </a:lnTo>
                  <a:lnTo>
                    <a:pt x="12334747" y="0"/>
                  </a:lnTo>
                  <a:lnTo>
                    <a:pt x="12382301" y="6384"/>
                  </a:lnTo>
                  <a:lnTo>
                    <a:pt x="12425021" y="24402"/>
                  </a:lnTo>
                  <a:lnTo>
                    <a:pt x="12461208" y="52355"/>
                  </a:lnTo>
                  <a:lnTo>
                    <a:pt x="12489161" y="88542"/>
                  </a:lnTo>
                  <a:lnTo>
                    <a:pt x="12507179" y="131262"/>
                  </a:lnTo>
                  <a:lnTo>
                    <a:pt x="12513564" y="178815"/>
                  </a:lnTo>
                  <a:lnTo>
                    <a:pt x="12513564" y="2649728"/>
                  </a:lnTo>
                  <a:lnTo>
                    <a:pt x="12507179" y="2697281"/>
                  </a:lnTo>
                  <a:lnTo>
                    <a:pt x="12489161" y="2740001"/>
                  </a:lnTo>
                  <a:lnTo>
                    <a:pt x="12461208" y="2776188"/>
                  </a:lnTo>
                  <a:lnTo>
                    <a:pt x="12425021" y="2804141"/>
                  </a:lnTo>
                  <a:lnTo>
                    <a:pt x="12382301" y="2822159"/>
                  </a:lnTo>
                  <a:lnTo>
                    <a:pt x="12334747" y="2828543"/>
                  </a:lnTo>
                  <a:lnTo>
                    <a:pt x="178790" y="2828543"/>
                  </a:lnTo>
                  <a:lnTo>
                    <a:pt x="131261" y="2822159"/>
                  </a:lnTo>
                  <a:lnTo>
                    <a:pt x="88551" y="2804141"/>
                  </a:lnTo>
                  <a:lnTo>
                    <a:pt x="52366" y="2776188"/>
                  </a:lnTo>
                  <a:lnTo>
                    <a:pt x="24410" y="2740001"/>
                  </a:lnTo>
                  <a:lnTo>
                    <a:pt x="6386" y="2697281"/>
                  </a:lnTo>
                  <a:lnTo>
                    <a:pt x="0" y="2649728"/>
                  </a:lnTo>
                  <a:lnTo>
                    <a:pt x="0" y="178815"/>
                  </a:lnTo>
                  <a:close/>
                </a:path>
              </a:pathLst>
            </a:custGeom>
            <a:ln w="6096">
              <a:solidFill>
                <a:srgbClr val="9DC3E6"/>
              </a:solidFill>
            </a:ln>
          </p:spPr>
          <p:txBody>
            <a:bodyPr wrap="square" lIns="0" tIns="0" rIns="0" bIns="0" rtlCol="0"/>
            <a:lstStyle/>
            <a:p>
              <a:endParaRPr sz="1286"/>
            </a:p>
          </p:txBody>
        </p:sp>
        <p:pic>
          <p:nvPicPr>
            <p:cNvPr id="8" name="object 8"/>
            <p:cNvPicPr/>
            <p:nvPr/>
          </p:nvPicPr>
          <p:blipFill>
            <a:blip r:embed="rId2" cstate="print"/>
            <a:stretch>
              <a:fillRect/>
            </a:stretch>
          </p:blipFill>
          <p:spPr>
            <a:xfrm>
              <a:off x="45719" y="565404"/>
              <a:ext cx="12710160" cy="88392"/>
            </a:xfrm>
            <a:prstGeom prst="rect">
              <a:avLst/>
            </a:prstGeom>
          </p:spPr>
        </p:pic>
      </p:grpSp>
      <p:sp>
        <p:nvSpPr>
          <p:cNvPr id="9" name="object 9"/>
          <p:cNvSpPr txBox="1"/>
          <p:nvPr/>
        </p:nvSpPr>
        <p:spPr>
          <a:xfrm>
            <a:off x="1579154" y="-11248"/>
            <a:ext cx="5462361" cy="141055"/>
          </a:xfrm>
          <a:prstGeom prst="rect">
            <a:avLst/>
          </a:prstGeom>
        </p:spPr>
        <p:txBody>
          <a:bodyPr vert="horz" wrap="square" lIns="0" tIns="9071" rIns="0" bIns="0" rtlCol="0">
            <a:spAutoFit/>
          </a:bodyPr>
          <a:lstStyle/>
          <a:p>
            <a:pPr marL="9072">
              <a:spcBef>
                <a:spcPts val="71"/>
              </a:spcBef>
            </a:pPr>
            <a:r>
              <a:rPr sz="857" spc="-11" dirty="0">
                <a:latin typeface="ＭＳ Ｐゴシック"/>
                <a:cs typeface="ＭＳ Ｐゴシック"/>
              </a:rPr>
              <a:t>ＰＦＩ法に基づく実施方針策定のご提案 </a:t>
            </a:r>
            <a:r>
              <a:rPr sz="857" dirty="0">
                <a:latin typeface="ＭＳ Ｐゴシック"/>
                <a:cs typeface="ＭＳ Ｐゴシック"/>
              </a:rPr>
              <a:t>（</a:t>
            </a:r>
            <a:r>
              <a:rPr sz="857" spc="-7" dirty="0">
                <a:latin typeface="ＭＳ Ｐゴシック"/>
                <a:cs typeface="ＭＳ Ｐゴシック"/>
              </a:rPr>
              <a:t>パシフィックコンサルタンツ株式会社・株式会社 熊谷組・株式会社横河ブリッジ</a:t>
            </a:r>
            <a:r>
              <a:rPr sz="857" spc="-36" dirty="0">
                <a:latin typeface="ＭＳ Ｐゴシック"/>
                <a:cs typeface="ＭＳ Ｐゴシック"/>
              </a:rPr>
              <a:t>）</a:t>
            </a:r>
            <a:endParaRPr sz="857">
              <a:latin typeface="ＭＳ Ｐゴシック"/>
              <a:cs typeface="ＭＳ Ｐゴシック"/>
            </a:endParaRPr>
          </a:p>
        </p:txBody>
      </p:sp>
      <p:sp>
        <p:nvSpPr>
          <p:cNvPr id="10" name="object 10"/>
          <p:cNvSpPr txBox="1">
            <a:spLocks noGrp="1"/>
          </p:cNvSpPr>
          <p:nvPr>
            <p:ph type="title"/>
          </p:nvPr>
        </p:nvSpPr>
        <p:spPr>
          <a:xfrm>
            <a:off x="448128" y="171707"/>
            <a:ext cx="10433232" cy="501602"/>
          </a:xfrm>
          <a:prstGeom prst="rect">
            <a:avLst/>
          </a:prstGeom>
        </p:spPr>
        <p:txBody>
          <a:bodyPr vert="horz" wrap="square" lIns="0" tIns="9071" rIns="0" bIns="0" rtlCol="0" anchor="ctr">
            <a:spAutoFit/>
          </a:bodyPr>
          <a:lstStyle/>
          <a:p>
            <a:pPr marL="9072">
              <a:lnSpc>
                <a:spcPct val="100000"/>
              </a:lnSpc>
              <a:spcBef>
                <a:spcPts val="71"/>
              </a:spcBef>
            </a:pPr>
            <a:r>
              <a:rPr sz="3200" spc="-25" dirty="0"/>
              <a:t>神通大橋</a:t>
            </a:r>
            <a:r>
              <a:rPr sz="3200" spc="-14" dirty="0"/>
              <a:t>（</a:t>
            </a:r>
            <a:r>
              <a:rPr sz="3200" spc="-25" dirty="0"/>
              <a:t>旧橋</a:t>
            </a:r>
            <a:r>
              <a:rPr sz="3200" spc="-14" dirty="0"/>
              <a:t>）</a:t>
            </a:r>
            <a:r>
              <a:rPr sz="3200" spc="-25" dirty="0"/>
              <a:t>の架替えのご提案</a:t>
            </a:r>
            <a:r>
              <a:rPr sz="3200" spc="-14" dirty="0"/>
              <a:t>（</a:t>
            </a:r>
            <a:r>
              <a:rPr sz="3200" spc="-25" dirty="0"/>
              <a:t>大規模更新事業</a:t>
            </a:r>
            <a:r>
              <a:rPr sz="3200" spc="-36" dirty="0"/>
              <a:t>）</a:t>
            </a:r>
          </a:p>
        </p:txBody>
      </p:sp>
      <p:grpSp>
        <p:nvGrpSpPr>
          <p:cNvPr id="11" name="object 11"/>
          <p:cNvGrpSpPr/>
          <p:nvPr/>
        </p:nvGrpSpPr>
        <p:grpSpPr>
          <a:xfrm>
            <a:off x="1524000" y="470263"/>
            <a:ext cx="8827407" cy="2219779"/>
            <a:chOff x="0" y="658368"/>
            <a:chExt cx="12358370" cy="3107690"/>
          </a:xfrm>
        </p:grpSpPr>
        <p:pic>
          <p:nvPicPr>
            <p:cNvPr id="12" name="object 12"/>
            <p:cNvPicPr/>
            <p:nvPr/>
          </p:nvPicPr>
          <p:blipFill>
            <a:blip r:embed="rId3" cstate="print"/>
            <a:stretch>
              <a:fillRect/>
            </a:stretch>
          </p:blipFill>
          <p:spPr>
            <a:xfrm>
              <a:off x="0" y="658368"/>
              <a:ext cx="6943344" cy="626364"/>
            </a:xfrm>
            <a:prstGeom prst="rect">
              <a:avLst/>
            </a:prstGeom>
          </p:spPr>
        </p:pic>
        <p:pic>
          <p:nvPicPr>
            <p:cNvPr id="13" name="object 13"/>
            <p:cNvPicPr/>
            <p:nvPr/>
          </p:nvPicPr>
          <p:blipFill>
            <a:blip r:embed="rId4" cstate="print"/>
            <a:stretch>
              <a:fillRect/>
            </a:stretch>
          </p:blipFill>
          <p:spPr>
            <a:xfrm>
              <a:off x="7194804" y="1522476"/>
              <a:ext cx="5149596" cy="2243328"/>
            </a:xfrm>
            <a:prstGeom prst="rect">
              <a:avLst/>
            </a:prstGeom>
          </p:spPr>
        </p:pic>
        <p:sp>
          <p:nvSpPr>
            <p:cNvPr id="14" name="object 14"/>
            <p:cNvSpPr/>
            <p:nvPr/>
          </p:nvSpPr>
          <p:spPr>
            <a:xfrm>
              <a:off x="11092433" y="2972562"/>
              <a:ext cx="1252855" cy="777240"/>
            </a:xfrm>
            <a:custGeom>
              <a:avLst/>
              <a:gdLst/>
              <a:ahLst/>
              <a:cxnLst/>
              <a:rect l="l" t="t" r="r" b="b"/>
              <a:pathLst>
                <a:path w="1252854" h="777239">
                  <a:moveTo>
                    <a:pt x="0" y="777240"/>
                  </a:moveTo>
                  <a:lnTo>
                    <a:pt x="1252727" y="777240"/>
                  </a:lnTo>
                  <a:lnTo>
                    <a:pt x="1252727" y="0"/>
                  </a:lnTo>
                  <a:lnTo>
                    <a:pt x="0" y="0"/>
                  </a:lnTo>
                  <a:lnTo>
                    <a:pt x="0" y="777240"/>
                  </a:lnTo>
                  <a:close/>
                </a:path>
              </a:pathLst>
            </a:custGeom>
            <a:ln w="25908">
              <a:solidFill>
                <a:srgbClr val="FF0000"/>
              </a:solidFill>
            </a:ln>
          </p:spPr>
          <p:txBody>
            <a:bodyPr wrap="square" lIns="0" tIns="0" rIns="0" bIns="0" rtlCol="0"/>
            <a:lstStyle/>
            <a:p>
              <a:endParaRPr sz="1286"/>
            </a:p>
          </p:txBody>
        </p:sp>
      </p:grpSp>
      <p:sp>
        <p:nvSpPr>
          <p:cNvPr id="15" name="object 15"/>
          <p:cNvSpPr txBox="1"/>
          <p:nvPr/>
        </p:nvSpPr>
        <p:spPr>
          <a:xfrm>
            <a:off x="1633800" y="533218"/>
            <a:ext cx="7633607" cy="615022"/>
          </a:xfrm>
          <a:prstGeom prst="rect">
            <a:avLst/>
          </a:prstGeom>
        </p:spPr>
        <p:txBody>
          <a:bodyPr vert="horz" wrap="square" lIns="0" tIns="8618" rIns="0" bIns="0" rtlCol="0">
            <a:spAutoFit/>
          </a:bodyPr>
          <a:lstStyle/>
          <a:p>
            <a:pPr marL="9072">
              <a:spcBef>
                <a:spcPts val="68"/>
              </a:spcBef>
            </a:pPr>
            <a:r>
              <a:rPr sz="1571" spc="-18" dirty="0">
                <a:latin typeface="HGP創英角ｺﾞｼｯｸUB"/>
                <a:cs typeface="HGP創英角ｺﾞｼｯｸUB"/>
              </a:rPr>
              <a:t>１．市民の生活にかかせない神通大橋の旧橋側の架替え </a:t>
            </a:r>
            <a:r>
              <a:rPr sz="1500" b="1" baseline="-3968" dirty="0">
                <a:solidFill>
                  <a:srgbClr val="C00000"/>
                </a:solidFill>
                <a:latin typeface="ＭＳ Ｐゴシック"/>
                <a:cs typeface="ＭＳ Ｐゴシック"/>
              </a:rPr>
              <a:t>（</a:t>
            </a:r>
            <a:r>
              <a:rPr sz="1500" b="1" spc="-37" baseline="-3968" dirty="0">
                <a:solidFill>
                  <a:srgbClr val="C00000"/>
                </a:solidFill>
                <a:latin typeface="ＭＳ Ｐゴシック"/>
                <a:cs typeface="ＭＳ Ｐゴシック"/>
              </a:rPr>
              <a:t>民間資金活用による日本で初めての橋梁更新事業</a:t>
            </a:r>
            <a:r>
              <a:rPr sz="1500" b="1" spc="-54" baseline="-3968" dirty="0">
                <a:solidFill>
                  <a:srgbClr val="C00000"/>
                </a:solidFill>
                <a:latin typeface="ＭＳ Ｐゴシック"/>
                <a:cs typeface="ＭＳ Ｐゴシック"/>
              </a:rPr>
              <a:t>）</a:t>
            </a:r>
            <a:endParaRPr sz="1500" baseline="-3968">
              <a:latin typeface="ＭＳ Ｐゴシック"/>
              <a:cs typeface="ＭＳ Ｐゴシック"/>
            </a:endParaRPr>
          </a:p>
          <a:p>
            <a:pPr marL="99788">
              <a:spcBef>
                <a:spcPts val="1321"/>
              </a:spcBef>
            </a:pPr>
            <a:r>
              <a:rPr sz="1286" b="1" u="sng" spc="-7" dirty="0">
                <a:uFill>
                  <a:solidFill>
                    <a:srgbClr val="000000"/>
                  </a:solidFill>
                </a:uFill>
                <a:latin typeface="ＭＳ Ｐゴシック"/>
                <a:cs typeface="ＭＳ Ｐゴシック"/>
              </a:rPr>
              <a:t>事業規模の説明</a:t>
            </a:r>
            <a:r>
              <a:rPr sz="1286" b="1" u="sng" dirty="0">
                <a:uFill>
                  <a:solidFill>
                    <a:srgbClr val="000000"/>
                  </a:solidFill>
                </a:uFill>
                <a:latin typeface="ＭＳ Ｐゴシック"/>
                <a:cs typeface="ＭＳ Ｐゴシック"/>
              </a:rPr>
              <a:t>（</a:t>
            </a:r>
            <a:r>
              <a:rPr sz="1286" b="1" u="sng" spc="-7" dirty="0">
                <a:uFill>
                  <a:solidFill>
                    <a:srgbClr val="000000"/>
                  </a:solidFill>
                </a:uFill>
                <a:latin typeface="ＭＳ Ｐゴシック"/>
                <a:cs typeface="ＭＳ Ｐゴシック"/>
              </a:rPr>
              <a:t>試算結果</a:t>
            </a:r>
            <a:r>
              <a:rPr sz="1286" b="1" u="sng" spc="-36" dirty="0">
                <a:uFill>
                  <a:solidFill>
                    <a:srgbClr val="000000"/>
                  </a:solidFill>
                </a:uFill>
                <a:latin typeface="ＭＳ Ｐゴシック"/>
                <a:cs typeface="ＭＳ Ｐゴシック"/>
              </a:rPr>
              <a:t>）</a:t>
            </a:r>
            <a:endParaRPr sz="1286">
              <a:latin typeface="ＭＳ Ｐゴシック"/>
              <a:cs typeface="ＭＳ Ｐゴシック"/>
            </a:endParaRPr>
          </a:p>
        </p:txBody>
      </p:sp>
      <p:pic>
        <p:nvPicPr>
          <p:cNvPr id="16" name="object 16"/>
          <p:cNvPicPr/>
          <p:nvPr/>
        </p:nvPicPr>
        <p:blipFill>
          <a:blip r:embed="rId5" cstate="print"/>
          <a:stretch>
            <a:fillRect/>
          </a:stretch>
        </p:blipFill>
        <p:spPr>
          <a:xfrm>
            <a:off x="1584959" y="2999015"/>
            <a:ext cx="3076303" cy="447402"/>
          </a:xfrm>
          <a:prstGeom prst="rect">
            <a:avLst/>
          </a:prstGeom>
        </p:spPr>
      </p:pic>
      <p:sp>
        <p:nvSpPr>
          <p:cNvPr id="17" name="object 17"/>
          <p:cNvSpPr txBox="1"/>
          <p:nvPr/>
        </p:nvSpPr>
        <p:spPr>
          <a:xfrm>
            <a:off x="1701292" y="3061788"/>
            <a:ext cx="2826657" cy="250435"/>
          </a:xfrm>
          <a:prstGeom prst="rect">
            <a:avLst/>
          </a:prstGeom>
        </p:spPr>
        <p:txBody>
          <a:bodyPr vert="horz" wrap="square" lIns="0" tIns="8618" rIns="0" bIns="0" rtlCol="0">
            <a:spAutoFit/>
          </a:bodyPr>
          <a:lstStyle/>
          <a:p>
            <a:pPr marL="9072">
              <a:spcBef>
                <a:spcPts val="68"/>
              </a:spcBef>
            </a:pPr>
            <a:r>
              <a:rPr sz="1571" spc="-29" dirty="0">
                <a:latin typeface="HGP創英角ｺﾞｼｯｸUB"/>
                <a:cs typeface="HGP創英角ｺﾞｼｯｸUB"/>
              </a:rPr>
              <a:t>２．架替え後の橋梁の完成予想図</a:t>
            </a:r>
            <a:endParaRPr sz="1571">
              <a:latin typeface="HGP創英角ｺﾞｼｯｸUB"/>
              <a:cs typeface="HGP創英角ｺﾞｼｯｸUB"/>
            </a:endParaRPr>
          </a:p>
        </p:txBody>
      </p:sp>
      <p:graphicFrame>
        <p:nvGraphicFramePr>
          <p:cNvPr id="18" name="object 18"/>
          <p:cNvGraphicFramePr>
            <a:graphicFrameLocks noGrp="1"/>
          </p:cNvGraphicFramePr>
          <p:nvPr/>
        </p:nvGraphicFramePr>
        <p:xfrm>
          <a:off x="1915097" y="1198789"/>
          <a:ext cx="4538890" cy="1220379"/>
        </p:xfrm>
        <a:graphic>
          <a:graphicData uri="http://schemas.openxmlformats.org/drawingml/2006/table">
            <a:tbl>
              <a:tblPr firstRow="1" bandRow="1">
                <a:tableStyleId>{2D5ABB26-0587-4C30-8999-92F81FD0307C}</a:tableStyleId>
              </a:tblPr>
              <a:tblGrid>
                <a:gridCol w="1582511">
                  <a:extLst>
                    <a:ext uri="{9D8B030D-6E8A-4147-A177-3AD203B41FA5}">
                      <a16:colId xmlns:a16="http://schemas.microsoft.com/office/drawing/2014/main" val="20000"/>
                    </a:ext>
                  </a:extLst>
                </a:gridCol>
                <a:gridCol w="1524000">
                  <a:extLst>
                    <a:ext uri="{9D8B030D-6E8A-4147-A177-3AD203B41FA5}">
                      <a16:colId xmlns:a16="http://schemas.microsoft.com/office/drawing/2014/main" val="20001"/>
                    </a:ext>
                  </a:extLst>
                </a:gridCol>
                <a:gridCol w="1432379">
                  <a:extLst>
                    <a:ext uri="{9D8B030D-6E8A-4147-A177-3AD203B41FA5}">
                      <a16:colId xmlns:a16="http://schemas.microsoft.com/office/drawing/2014/main" val="20002"/>
                    </a:ext>
                  </a:extLst>
                </a:gridCol>
              </a:tblGrid>
              <a:tr h="342446">
                <a:tc>
                  <a:txBody>
                    <a:bodyPr/>
                    <a:lstStyle/>
                    <a:p>
                      <a:pPr>
                        <a:lnSpc>
                          <a:spcPct val="100000"/>
                        </a:lnSpc>
                      </a:pPr>
                      <a:endParaRPr sz="13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2E5496"/>
                    </a:solidFill>
                  </a:tcPr>
                </a:tc>
                <a:tc>
                  <a:txBody>
                    <a:bodyPr/>
                    <a:lstStyle/>
                    <a:p>
                      <a:pPr algn="ctr">
                        <a:lnSpc>
                          <a:spcPct val="100000"/>
                        </a:lnSpc>
                        <a:spcBef>
                          <a:spcPts val="270"/>
                        </a:spcBef>
                      </a:pPr>
                      <a:r>
                        <a:rPr sz="1400" b="1" spc="-35" dirty="0">
                          <a:solidFill>
                            <a:srgbClr val="FFFFFF"/>
                          </a:solidFill>
                          <a:latin typeface="ＭＳ Ｐゴシック"/>
                          <a:cs typeface="ＭＳ Ｐゴシック"/>
                        </a:rPr>
                        <a:t>事業費</a:t>
                      </a:r>
                      <a:endParaRPr sz="1400">
                        <a:latin typeface="ＭＳ Ｐゴシック"/>
                        <a:cs typeface="ＭＳ Ｐゴシック"/>
                      </a:endParaRPr>
                    </a:p>
                  </a:txBody>
                  <a:tcPr marL="0" marR="0" marT="24493"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2E5496"/>
                    </a:solidFill>
                  </a:tcPr>
                </a:tc>
                <a:tc>
                  <a:txBody>
                    <a:bodyPr/>
                    <a:lstStyle/>
                    <a:p>
                      <a:pPr algn="ctr">
                        <a:lnSpc>
                          <a:spcPct val="100000"/>
                        </a:lnSpc>
                        <a:spcBef>
                          <a:spcPts val="270"/>
                        </a:spcBef>
                      </a:pPr>
                      <a:r>
                        <a:rPr sz="1400" b="1" spc="-35" dirty="0">
                          <a:solidFill>
                            <a:srgbClr val="FFFFFF"/>
                          </a:solidFill>
                          <a:latin typeface="ＭＳ Ｐゴシック"/>
                          <a:cs typeface="ＭＳ Ｐゴシック"/>
                        </a:rPr>
                        <a:t>事業期間</a:t>
                      </a:r>
                      <a:endParaRPr sz="1400">
                        <a:latin typeface="ＭＳ Ｐゴシック"/>
                        <a:cs typeface="ＭＳ Ｐゴシック"/>
                      </a:endParaRPr>
                    </a:p>
                  </a:txBody>
                  <a:tcPr marL="0" marR="0" marT="24493"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2E5496"/>
                    </a:solidFill>
                  </a:tcPr>
                </a:tc>
                <a:extLst>
                  <a:ext uri="{0D108BD9-81ED-4DB2-BD59-A6C34878D82A}">
                    <a16:rowId xmlns:a16="http://schemas.microsoft.com/office/drawing/2014/main" val="10000"/>
                  </a:ext>
                </a:extLst>
              </a:tr>
              <a:tr h="718457">
                <a:tc>
                  <a:txBody>
                    <a:bodyPr/>
                    <a:lstStyle/>
                    <a:p>
                      <a:pPr algn="ctr">
                        <a:lnSpc>
                          <a:spcPct val="100000"/>
                        </a:lnSpc>
                        <a:spcBef>
                          <a:spcPts val="270"/>
                        </a:spcBef>
                      </a:pPr>
                      <a:r>
                        <a:rPr sz="1400" spc="-25" dirty="0">
                          <a:latin typeface="ＭＳ Ｐゴシック"/>
                          <a:cs typeface="ＭＳ Ｐゴシック"/>
                        </a:rPr>
                        <a:t>効果</a:t>
                      </a:r>
                      <a:endParaRPr sz="1400">
                        <a:latin typeface="ＭＳ Ｐゴシック"/>
                        <a:cs typeface="ＭＳ Ｐゴシック"/>
                      </a:endParaRPr>
                    </a:p>
                    <a:p>
                      <a:pPr marL="279400" marR="273685" indent="-635" algn="ctr">
                        <a:lnSpc>
                          <a:spcPct val="100000"/>
                        </a:lnSpc>
                      </a:pPr>
                      <a:r>
                        <a:rPr sz="1400" dirty="0">
                          <a:latin typeface="ＭＳ Ｐゴシック"/>
                          <a:cs typeface="ＭＳ Ｐゴシック"/>
                        </a:rPr>
                        <a:t>（</a:t>
                      </a:r>
                      <a:r>
                        <a:rPr sz="1400" spc="-10" dirty="0">
                          <a:latin typeface="ＭＳ Ｐゴシック"/>
                          <a:cs typeface="ＭＳ Ｐゴシック"/>
                        </a:rPr>
                        <a:t>従来手法と</a:t>
                      </a:r>
                      <a:r>
                        <a:rPr sz="1400" spc="500" dirty="0">
                          <a:latin typeface="ＭＳ Ｐゴシック"/>
                          <a:cs typeface="ＭＳ Ｐゴシック"/>
                        </a:rPr>
                        <a:t> </a:t>
                      </a:r>
                      <a:r>
                        <a:rPr sz="1400" dirty="0">
                          <a:latin typeface="ＭＳ Ｐゴシック"/>
                          <a:cs typeface="ＭＳ Ｐゴシック"/>
                        </a:rPr>
                        <a:t>提案手法の差</a:t>
                      </a:r>
                      <a:r>
                        <a:rPr sz="1400" spc="-50" dirty="0">
                          <a:latin typeface="ＭＳ Ｐゴシック"/>
                          <a:cs typeface="ＭＳ Ｐゴシック"/>
                        </a:rPr>
                        <a:t>）</a:t>
                      </a:r>
                      <a:endParaRPr sz="1400">
                        <a:latin typeface="ＭＳ Ｐゴシック"/>
                        <a:cs typeface="ＭＳ Ｐゴシック"/>
                      </a:endParaRPr>
                    </a:p>
                  </a:txBody>
                  <a:tcPr marL="0" marR="0" marT="24493"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FF"/>
                    </a:solidFill>
                  </a:tcPr>
                </a:tc>
                <a:tc>
                  <a:txBody>
                    <a:bodyPr/>
                    <a:lstStyle/>
                    <a:p>
                      <a:pPr>
                        <a:lnSpc>
                          <a:spcPct val="100000"/>
                        </a:lnSpc>
                        <a:spcBef>
                          <a:spcPts val="25"/>
                        </a:spcBef>
                      </a:pPr>
                      <a:endParaRPr sz="1600">
                        <a:latin typeface="Times New Roman"/>
                        <a:cs typeface="Times New Roman"/>
                      </a:endParaRPr>
                    </a:p>
                    <a:p>
                      <a:pPr algn="ctr">
                        <a:lnSpc>
                          <a:spcPct val="100000"/>
                        </a:lnSpc>
                      </a:pPr>
                      <a:r>
                        <a:rPr sz="1400" dirty="0">
                          <a:latin typeface="ＭＳ Ｐゴシック"/>
                          <a:cs typeface="ＭＳ Ｐゴシック"/>
                        </a:rPr>
                        <a:t>約</a:t>
                      </a:r>
                      <a:r>
                        <a:rPr sz="1400" dirty="0">
                          <a:latin typeface="Calibri"/>
                          <a:cs typeface="Calibri"/>
                        </a:rPr>
                        <a:t>11</a:t>
                      </a:r>
                      <a:r>
                        <a:rPr sz="1400" spc="-20" dirty="0">
                          <a:latin typeface="ＭＳ Ｐゴシック"/>
                          <a:cs typeface="ＭＳ Ｐゴシック"/>
                        </a:rPr>
                        <a:t>％削減</a:t>
                      </a:r>
                      <a:endParaRPr sz="1400">
                        <a:latin typeface="ＭＳ Ｐゴシック"/>
                        <a:cs typeface="ＭＳ Ｐゴシック"/>
                      </a:endParaRPr>
                    </a:p>
                  </a:txBody>
                  <a:tcPr marL="0" marR="0" marT="2268"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FF"/>
                    </a:solidFill>
                  </a:tcPr>
                </a:tc>
                <a:tc>
                  <a:txBody>
                    <a:bodyPr/>
                    <a:lstStyle/>
                    <a:p>
                      <a:pPr>
                        <a:lnSpc>
                          <a:spcPct val="100000"/>
                        </a:lnSpc>
                        <a:spcBef>
                          <a:spcPts val="25"/>
                        </a:spcBef>
                      </a:pPr>
                      <a:endParaRPr sz="1600">
                        <a:latin typeface="Times New Roman"/>
                        <a:cs typeface="Times New Roman"/>
                      </a:endParaRPr>
                    </a:p>
                    <a:p>
                      <a:pPr marL="1905" algn="ctr">
                        <a:lnSpc>
                          <a:spcPct val="100000"/>
                        </a:lnSpc>
                      </a:pPr>
                      <a:r>
                        <a:rPr sz="1400" dirty="0">
                          <a:latin typeface="ＭＳ Ｐゴシック"/>
                          <a:cs typeface="ＭＳ Ｐゴシック"/>
                        </a:rPr>
                        <a:t>約</a:t>
                      </a:r>
                      <a:r>
                        <a:rPr sz="1400" dirty="0">
                          <a:latin typeface="Calibri"/>
                          <a:cs typeface="Calibri"/>
                        </a:rPr>
                        <a:t>1</a:t>
                      </a:r>
                      <a:r>
                        <a:rPr sz="1400" spc="-20" dirty="0">
                          <a:latin typeface="ＭＳ Ｐゴシック"/>
                          <a:cs typeface="ＭＳ Ｐゴシック"/>
                        </a:rPr>
                        <a:t>年短縮</a:t>
                      </a:r>
                      <a:endParaRPr sz="1400">
                        <a:latin typeface="ＭＳ Ｐゴシック"/>
                        <a:cs typeface="ＭＳ Ｐゴシック"/>
                      </a:endParaRPr>
                    </a:p>
                  </a:txBody>
                  <a:tcPr marL="0" marR="0" marT="2268"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FF"/>
                    </a:solidFill>
                  </a:tcPr>
                </a:tc>
                <a:extLst>
                  <a:ext uri="{0D108BD9-81ED-4DB2-BD59-A6C34878D82A}">
                    <a16:rowId xmlns:a16="http://schemas.microsoft.com/office/drawing/2014/main" val="10001"/>
                  </a:ext>
                </a:extLst>
              </a:tr>
            </a:tbl>
          </a:graphicData>
        </a:graphic>
      </p:graphicFrame>
      <p:grpSp>
        <p:nvGrpSpPr>
          <p:cNvPr id="19" name="object 19"/>
          <p:cNvGrpSpPr/>
          <p:nvPr/>
        </p:nvGrpSpPr>
        <p:grpSpPr>
          <a:xfrm>
            <a:off x="1754777" y="3442063"/>
            <a:ext cx="8799286" cy="3236686"/>
            <a:chOff x="323088" y="4818888"/>
            <a:chExt cx="12319000" cy="4531360"/>
          </a:xfrm>
        </p:grpSpPr>
        <p:pic>
          <p:nvPicPr>
            <p:cNvPr id="20" name="object 20"/>
            <p:cNvPicPr/>
            <p:nvPr/>
          </p:nvPicPr>
          <p:blipFill>
            <a:blip r:embed="rId6" cstate="print"/>
            <a:stretch>
              <a:fillRect/>
            </a:stretch>
          </p:blipFill>
          <p:spPr>
            <a:xfrm>
              <a:off x="583692" y="4818888"/>
              <a:ext cx="5663184" cy="4259580"/>
            </a:xfrm>
            <a:prstGeom prst="rect">
              <a:avLst/>
            </a:prstGeom>
          </p:spPr>
        </p:pic>
        <p:pic>
          <p:nvPicPr>
            <p:cNvPr id="21" name="object 21"/>
            <p:cNvPicPr/>
            <p:nvPr/>
          </p:nvPicPr>
          <p:blipFill>
            <a:blip r:embed="rId7" cstate="print"/>
            <a:stretch>
              <a:fillRect/>
            </a:stretch>
          </p:blipFill>
          <p:spPr>
            <a:xfrm>
              <a:off x="323088" y="7232904"/>
              <a:ext cx="2833116" cy="2116836"/>
            </a:xfrm>
            <a:prstGeom prst="rect">
              <a:avLst/>
            </a:prstGeom>
          </p:spPr>
        </p:pic>
        <p:pic>
          <p:nvPicPr>
            <p:cNvPr id="22" name="object 22"/>
            <p:cNvPicPr/>
            <p:nvPr/>
          </p:nvPicPr>
          <p:blipFill>
            <a:blip r:embed="rId8" cstate="print"/>
            <a:stretch>
              <a:fillRect/>
            </a:stretch>
          </p:blipFill>
          <p:spPr>
            <a:xfrm>
              <a:off x="7082028" y="4823460"/>
              <a:ext cx="5559552" cy="4155948"/>
            </a:xfrm>
            <a:prstGeom prst="rect">
              <a:avLst/>
            </a:prstGeom>
          </p:spPr>
        </p:pic>
      </p:grpSp>
      <p:sp>
        <p:nvSpPr>
          <p:cNvPr id="23" name="object 23"/>
          <p:cNvSpPr txBox="1"/>
          <p:nvPr/>
        </p:nvSpPr>
        <p:spPr>
          <a:xfrm>
            <a:off x="3934823" y="6169190"/>
            <a:ext cx="1298575" cy="240909"/>
          </a:xfrm>
          <a:prstGeom prst="rect">
            <a:avLst/>
          </a:prstGeom>
        </p:spPr>
        <p:txBody>
          <a:bodyPr vert="horz" wrap="square" lIns="0" tIns="9979" rIns="0" bIns="0" rtlCol="0">
            <a:spAutoFit/>
          </a:bodyPr>
          <a:lstStyle/>
          <a:p>
            <a:pPr marL="9072">
              <a:spcBef>
                <a:spcPts val="79"/>
              </a:spcBef>
            </a:pPr>
            <a:r>
              <a:rPr sz="1500" b="1" i="1" spc="-75" dirty="0">
                <a:solidFill>
                  <a:srgbClr val="FFFFFF"/>
                </a:solidFill>
                <a:latin typeface="ＭＳ Ｐゴシック"/>
                <a:cs typeface="ＭＳ Ｐゴシック"/>
              </a:rPr>
              <a:t>更新後</a:t>
            </a:r>
            <a:r>
              <a:rPr sz="1500" b="1" i="1" spc="-39" dirty="0">
                <a:solidFill>
                  <a:srgbClr val="FFFFFF"/>
                </a:solidFill>
                <a:latin typeface="ＭＳ Ｐゴシック"/>
                <a:cs typeface="ＭＳ Ｐゴシック"/>
              </a:rPr>
              <a:t>（</a:t>
            </a:r>
            <a:r>
              <a:rPr sz="1500" b="1" i="1" spc="-75" dirty="0">
                <a:solidFill>
                  <a:srgbClr val="FFFFFF"/>
                </a:solidFill>
                <a:latin typeface="ＭＳ Ｐゴシック"/>
                <a:cs typeface="ＭＳ Ｐゴシック"/>
              </a:rPr>
              <a:t>畑中側</a:t>
            </a:r>
            <a:r>
              <a:rPr sz="1500" b="1" i="1" spc="-36" dirty="0">
                <a:solidFill>
                  <a:srgbClr val="FFFFFF"/>
                </a:solidFill>
                <a:latin typeface="ＭＳ Ｐゴシック"/>
                <a:cs typeface="ＭＳ Ｐゴシック"/>
              </a:rPr>
              <a:t>）</a:t>
            </a:r>
            <a:endParaRPr sz="1500">
              <a:latin typeface="ＭＳ Ｐゴシック"/>
              <a:cs typeface="ＭＳ Ｐゴシック"/>
            </a:endParaRPr>
          </a:p>
        </p:txBody>
      </p:sp>
      <p:sp>
        <p:nvSpPr>
          <p:cNvPr id="24" name="object 24"/>
          <p:cNvSpPr txBox="1"/>
          <p:nvPr/>
        </p:nvSpPr>
        <p:spPr>
          <a:xfrm>
            <a:off x="2436495" y="6363609"/>
            <a:ext cx="384175" cy="240909"/>
          </a:xfrm>
          <a:prstGeom prst="rect">
            <a:avLst/>
          </a:prstGeom>
        </p:spPr>
        <p:txBody>
          <a:bodyPr vert="horz" wrap="square" lIns="0" tIns="9979" rIns="0" bIns="0" rtlCol="0">
            <a:spAutoFit/>
          </a:bodyPr>
          <a:lstStyle/>
          <a:p>
            <a:pPr marL="9072">
              <a:spcBef>
                <a:spcPts val="79"/>
              </a:spcBef>
            </a:pPr>
            <a:r>
              <a:rPr sz="1500" b="1" i="1" spc="-61" dirty="0">
                <a:solidFill>
                  <a:srgbClr val="FFFFFF"/>
                </a:solidFill>
                <a:latin typeface="ＭＳ Ｐゴシック"/>
                <a:cs typeface="ＭＳ Ｐゴシック"/>
              </a:rPr>
              <a:t>現況</a:t>
            </a:r>
            <a:endParaRPr sz="1500">
              <a:latin typeface="ＭＳ Ｐゴシック"/>
              <a:cs typeface="ＭＳ Ｐゴシック"/>
            </a:endParaRPr>
          </a:p>
        </p:txBody>
      </p:sp>
      <p:pic>
        <p:nvPicPr>
          <p:cNvPr id="25" name="object 25"/>
          <p:cNvPicPr/>
          <p:nvPr/>
        </p:nvPicPr>
        <p:blipFill>
          <a:blip r:embed="rId9" cstate="print"/>
          <a:stretch>
            <a:fillRect/>
          </a:stretch>
        </p:blipFill>
        <p:spPr>
          <a:xfrm>
            <a:off x="5372100" y="5166360"/>
            <a:ext cx="2010591" cy="1503317"/>
          </a:xfrm>
          <a:prstGeom prst="rect">
            <a:avLst/>
          </a:prstGeom>
        </p:spPr>
      </p:pic>
      <p:sp>
        <p:nvSpPr>
          <p:cNvPr id="26" name="object 26"/>
          <p:cNvSpPr txBox="1"/>
          <p:nvPr/>
        </p:nvSpPr>
        <p:spPr>
          <a:xfrm>
            <a:off x="8993868" y="6157434"/>
            <a:ext cx="1480911" cy="240909"/>
          </a:xfrm>
          <a:prstGeom prst="rect">
            <a:avLst/>
          </a:prstGeom>
        </p:spPr>
        <p:txBody>
          <a:bodyPr vert="horz" wrap="square" lIns="0" tIns="9979" rIns="0" bIns="0" rtlCol="0">
            <a:spAutoFit/>
          </a:bodyPr>
          <a:lstStyle/>
          <a:p>
            <a:pPr marL="9072">
              <a:spcBef>
                <a:spcPts val="79"/>
              </a:spcBef>
            </a:pPr>
            <a:r>
              <a:rPr sz="1500" b="1" i="1" spc="-75" dirty="0">
                <a:solidFill>
                  <a:srgbClr val="FFFFFF"/>
                </a:solidFill>
                <a:latin typeface="ＭＳ Ｐゴシック"/>
                <a:cs typeface="ＭＳ Ｐゴシック"/>
              </a:rPr>
              <a:t>更新後</a:t>
            </a:r>
            <a:r>
              <a:rPr sz="1500" b="1" i="1" spc="-39" dirty="0">
                <a:solidFill>
                  <a:srgbClr val="FFFFFF"/>
                </a:solidFill>
                <a:latin typeface="ＭＳ Ｐゴシック"/>
                <a:cs typeface="ＭＳ Ｐゴシック"/>
              </a:rPr>
              <a:t>（</a:t>
            </a:r>
            <a:r>
              <a:rPr sz="1500" b="1" i="1" spc="-75" dirty="0">
                <a:solidFill>
                  <a:srgbClr val="FFFFFF"/>
                </a:solidFill>
                <a:latin typeface="ＭＳ Ｐゴシック"/>
                <a:cs typeface="ＭＳ Ｐゴシック"/>
              </a:rPr>
              <a:t>神通町側</a:t>
            </a:r>
            <a:r>
              <a:rPr sz="1500" b="1" i="1" spc="-36" dirty="0">
                <a:solidFill>
                  <a:srgbClr val="FFFFFF"/>
                </a:solidFill>
                <a:latin typeface="ＭＳ Ｐゴシック"/>
                <a:cs typeface="ＭＳ Ｐゴシック"/>
              </a:rPr>
              <a:t>）</a:t>
            </a:r>
            <a:endParaRPr sz="1500">
              <a:latin typeface="ＭＳ Ｐゴシック"/>
              <a:cs typeface="ＭＳ Ｐゴシック"/>
            </a:endParaRPr>
          </a:p>
        </p:txBody>
      </p:sp>
      <p:sp>
        <p:nvSpPr>
          <p:cNvPr id="27" name="object 27"/>
          <p:cNvSpPr txBox="1"/>
          <p:nvPr/>
        </p:nvSpPr>
        <p:spPr>
          <a:xfrm>
            <a:off x="6185082" y="6393871"/>
            <a:ext cx="384175" cy="240909"/>
          </a:xfrm>
          <a:prstGeom prst="rect">
            <a:avLst/>
          </a:prstGeom>
        </p:spPr>
        <p:txBody>
          <a:bodyPr vert="horz" wrap="square" lIns="0" tIns="9979" rIns="0" bIns="0" rtlCol="0">
            <a:spAutoFit/>
          </a:bodyPr>
          <a:lstStyle/>
          <a:p>
            <a:pPr marL="9072">
              <a:spcBef>
                <a:spcPts val="79"/>
              </a:spcBef>
            </a:pPr>
            <a:r>
              <a:rPr sz="1500" b="1" i="1" spc="-61" dirty="0">
                <a:solidFill>
                  <a:srgbClr val="FFFFFF"/>
                </a:solidFill>
                <a:latin typeface="ＭＳ Ｐゴシック"/>
                <a:cs typeface="ＭＳ Ｐゴシック"/>
              </a:rPr>
              <a:t>現況</a:t>
            </a:r>
            <a:endParaRPr sz="1500">
              <a:latin typeface="ＭＳ Ｐゴシック"/>
              <a:cs typeface="ＭＳ Ｐゴシック"/>
            </a:endParaRPr>
          </a:p>
        </p:txBody>
      </p:sp>
      <p:sp>
        <p:nvSpPr>
          <p:cNvPr id="28" name="object 28"/>
          <p:cNvSpPr txBox="1"/>
          <p:nvPr/>
        </p:nvSpPr>
        <p:spPr>
          <a:xfrm>
            <a:off x="7339692" y="3106239"/>
            <a:ext cx="3187700" cy="184584"/>
          </a:xfrm>
          <a:prstGeom prst="rect">
            <a:avLst/>
          </a:prstGeom>
        </p:spPr>
        <p:txBody>
          <a:bodyPr vert="horz" wrap="square" lIns="0" tIns="8618" rIns="0" bIns="0" rtlCol="0">
            <a:spAutoFit/>
          </a:bodyPr>
          <a:lstStyle/>
          <a:p>
            <a:pPr marL="9072">
              <a:spcBef>
                <a:spcPts val="68"/>
              </a:spcBef>
            </a:pPr>
            <a:r>
              <a:rPr sz="1143" spc="-7" dirty="0">
                <a:latin typeface="ＭＳ ゴシック"/>
                <a:cs typeface="ＭＳ ゴシック"/>
              </a:rPr>
              <a:t>※</a:t>
            </a:r>
            <a:r>
              <a:rPr sz="1143" spc="-25" dirty="0">
                <a:latin typeface="ＭＳ Ｐゴシック"/>
                <a:cs typeface="ＭＳ Ｐゴシック"/>
              </a:rPr>
              <a:t>詳細な構造検討により寸法などは変更が生じます</a:t>
            </a:r>
            <a:endParaRPr sz="1143">
              <a:latin typeface="ＭＳ Ｐゴシック"/>
              <a:cs typeface="ＭＳ Ｐゴシック"/>
            </a:endParaRPr>
          </a:p>
        </p:txBody>
      </p:sp>
      <p:sp>
        <p:nvSpPr>
          <p:cNvPr id="29" name="object 29"/>
          <p:cNvSpPr/>
          <p:nvPr/>
        </p:nvSpPr>
        <p:spPr>
          <a:xfrm>
            <a:off x="7716338" y="1095647"/>
            <a:ext cx="1416504" cy="861332"/>
          </a:xfrm>
          <a:custGeom>
            <a:avLst/>
            <a:gdLst/>
            <a:ahLst/>
            <a:cxnLst/>
            <a:rect l="l" t="t" r="r" b="b"/>
            <a:pathLst>
              <a:path w="1983104" h="1205864">
                <a:moveTo>
                  <a:pt x="329183" y="338327"/>
                </a:moveTo>
                <a:lnTo>
                  <a:pt x="1630679" y="338327"/>
                </a:lnTo>
                <a:lnTo>
                  <a:pt x="1630679" y="0"/>
                </a:lnTo>
                <a:lnTo>
                  <a:pt x="329183" y="0"/>
                </a:lnTo>
                <a:lnTo>
                  <a:pt x="329183" y="338327"/>
                </a:lnTo>
                <a:close/>
              </a:path>
              <a:path w="1983104" h="1205864">
                <a:moveTo>
                  <a:pt x="0" y="1205484"/>
                </a:moveTo>
                <a:lnTo>
                  <a:pt x="1982724" y="1205484"/>
                </a:lnTo>
                <a:lnTo>
                  <a:pt x="1982724" y="611124"/>
                </a:lnTo>
                <a:lnTo>
                  <a:pt x="0" y="611124"/>
                </a:lnTo>
                <a:lnTo>
                  <a:pt x="0" y="1205484"/>
                </a:lnTo>
                <a:close/>
              </a:path>
            </a:pathLst>
          </a:custGeom>
          <a:ln w="25908">
            <a:solidFill>
              <a:srgbClr val="FF0000"/>
            </a:solidFill>
          </a:ln>
        </p:spPr>
        <p:txBody>
          <a:bodyPr wrap="square" lIns="0" tIns="0" rIns="0" bIns="0" rtlCol="0"/>
          <a:lstStyle/>
          <a:p>
            <a:endParaRPr sz="1286"/>
          </a:p>
        </p:txBody>
      </p:sp>
      <p:sp>
        <p:nvSpPr>
          <p:cNvPr id="30" name="object 30"/>
          <p:cNvSpPr txBox="1"/>
          <p:nvPr/>
        </p:nvSpPr>
        <p:spPr>
          <a:xfrm>
            <a:off x="10485392" y="51707"/>
            <a:ext cx="95704" cy="193368"/>
          </a:xfrm>
          <a:prstGeom prst="rect">
            <a:avLst/>
          </a:prstGeom>
        </p:spPr>
        <p:txBody>
          <a:bodyPr vert="horz" wrap="square" lIns="0" tIns="11793" rIns="0" bIns="0" rtlCol="0">
            <a:spAutoFit/>
          </a:bodyPr>
          <a:lstStyle/>
          <a:p>
            <a:pPr marL="9072">
              <a:spcBef>
                <a:spcPts val="93"/>
              </a:spcBef>
            </a:pPr>
            <a:r>
              <a:rPr sz="1179" spc="11" dirty="0">
                <a:solidFill>
                  <a:srgbClr val="888888"/>
                </a:solidFill>
                <a:latin typeface="Calibri"/>
                <a:cs typeface="Calibri"/>
              </a:rPr>
              <a:t>2</a:t>
            </a:r>
            <a:endParaRPr sz="1179">
              <a:latin typeface="Calibri"/>
              <a:cs typeface="Calibri"/>
            </a:endParaRPr>
          </a:p>
        </p:txBody>
      </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527203" y="232602"/>
            <a:ext cx="9142643" cy="229838"/>
          </a:xfrm>
          <a:prstGeom prst="rect">
            <a:avLst/>
          </a:prstGeom>
          <a:solidFill>
            <a:srgbClr val="2D4F8D"/>
          </a:solidFill>
        </p:spPr>
        <p:txBody>
          <a:bodyPr vert="horz" wrap="square" lIns="0" tIns="51720" rIns="0" bIns="0" rtlCol="0">
            <a:spAutoFit/>
          </a:bodyPr>
          <a:lstStyle/>
          <a:p>
            <a:pPr marL="70043">
              <a:spcBef>
                <a:spcPts val="407"/>
              </a:spcBef>
            </a:pPr>
            <a:r>
              <a:rPr sz="1154" b="1" dirty="0">
                <a:solidFill>
                  <a:srgbClr val="FFFFFF"/>
                </a:solidFill>
                <a:latin typeface="Yu Gothic UI Semibold"/>
                <a:cs typeface="Yu Gothic UI Semibold"/>
              </a:rPr>
              <a:t>PFI</a:t>
            </a:r>
            <a:r>
              <a:rPr sz="1154" b="1" spc="-13" dirty="0">
                <a:solidFill>
                  <a:srgbClr val="FFFFFF"/>
                </a:solidFill>
                <a:latin typeface="Yu Gothic UI Semibold"/>
                <a:cs typeface="Yu Gothic UI Semibold"/>
              </a:rPr>
              <a:t> 法第 </a:t>
            </a:r>
            <a:r>
              <a:rPr sz="1154" b="1" dirty="0">
                <a:solidFill>
                  <a:srgbClr val="FFFFFF"/>
                </a:solidFill>
                <a:latin typeface="Yu Gothic UI Semibold"/>
                <a:cs typeface="Yu Gothic UI Semibold"/>
              </a:rPr>
              <a:t>6</a:t>
            </a:r>
            <a:r>
              <a:rPr sz="1154" b="1" spc="-13" dirty="0">
                <a:solidFill>
                  <a:srgbClr val="FFFFFF"/>
                </a:solidFill>
                <a:latin typeface="Yu Gothic UI Semibold"/>
                <a:cs typeface="Yu Gothic UI Semibold"/>
              </a:rPr>
              <a:t> 条に基づく⺠間提案に関する検討結果について</a:t>
            </a:r>
            <a:endParaRPr sz="1154">
              <a:latin typeface="Yu Gothic UI Semibold"/>
              <a:cs typeface="Yu Gothic UI Semibold"/>
            </a:endParaRPr>
          </a:p>
        </p:txBody>
      </p:sp>
      <p:grpSp>
        <p:nvGrpSpPr>
          <p:cNvPr id="3" name="object 3"/>
          <p:cNvGrpSpPr/>
          <p:nvPr/>
        </p:nvGrpSpPr>
        <p:grpSpPr>
          <a:xfrm>
            <a:off x="2022739" y="3340693"/>
            <a:ext cx="3456285" cy="1723459"/>
            <a:chOff x="1211580" y="5209006"/>
            <a:chExt cx="5389245" cy="2687320"/>
          </a:xfrm>
        </p:grpSpPr>
        <p:sp>
          <p:nvSpPr>
            <p:cNvPr id="4" name="object 4"/>
            <p:cNvSpPr/>
            <p:nvPr/>
          </p:nvSpPr>
          <p:spPr>
            <a:xfrm>
              <a:off x="3726180" y="5209006"/>
              <a:ext cx="386080" cy="154305"/>
            </a:xfrm>
            <a:custGeom>
              <a:avLst/>
              <a:gdLst/>
              <a:ahLst/>
              <a:cxnLst/>
              <a:rect l="l" t="t" r="r" b="b"/>
              <a:pathLst>
                <a:path w="386079" h="154304">
                  <a:moveTo>
                    <a:pt x="385572" y="62484"/>
                  </a:moveTo>
                  <a:lnTo>
                    <a:pt x="272796" y="62484"/>
                  </a:lnTo>
                  <a:lnTo>
                    <a:pt x="272796" y="24384"/>
                  </a:lnTo>
                  <a:lnTo>
                    <a:pt x="272796" y="12192"/>
                  </a:lnTo>
                  <a:lnTo>
                    <a:pt x="272796" y="0"/>
                  </a:lnTo>
                  <a:lnTo>
                    <a:pt x="111252" y="0"/>
                  </a:lnTo>
                  <a:lnTo>
                    <a:pt x="111252" y="62484"/>
                  </a:lnTo>
                  <a:lnTo>
                    <a:pt x="0" y="62484"/>
                  </a:lnTo>
                  <a:lnTo>
                    <a:pt x="192024" y="153924"/>
                  </a:lnTo>
                  <a:lnTo>
                    <a:pt x="246862" y="128016"/>
                  </a:lnTo>
                  <a:lnTo>
                    <a:pt x="330733" y="88392"/>
                  </a:lnTo>
                  <a:lnTo>
                    <a:pt x="382346" y="64008"/>
                  </a:lnTo>
                  <a:lnTo>
                    <a:pt x="385572" y="62484"/>
                  </a:lnTo>
                  <a:close/>
                </a:path>
              </a:pathLst>
            </a:custGeom>
            <a:solidFill>
              <a:srgbClr val="00508D"/>
            </a:solidFill>
          </p:spPr>
          <p:txBody>
            <a:bodyPr wrap="square" lIns="0" tIns="0" rIns="0" bIns="0" rtlCol="0"/>
            <a:lstStyle/>
            <a:p>
              <a:endParaRPr sz="1154"/>
            </a:p>
          </p:txBody>
        </p:sp>
        <p:pic>
          <p:nvPicPr>
            <p:cNvPr id="5" name="object 5"/>
            <p:cNvPicPr/>
            <p:nvPr/>
          </p:nvPicPr>
          <p:blipFill>
            <a:blip r:embed="rId2" cstate="print"/>
            <a:stretch>
              <a:fillRect/>
            </a:stretch>
          </p:blipFill>
          <p:spPr>
            <a:xfrm>
              <a:off x="1211580" y="5783554"/>
              <a:ext cx="5388864" cy="2112264"/>
            </a:xfrm>
            <a:prstGeom prst="rect">
              <a:avLst/>
            </a:prstGeom>
          </p:spPr>
        </p:pic>
      </p:grpSp>
      <p:sp>
        <p:nvSpPr>
          <p:cNvPr id="6" name="object 6"/>
          <p:cNvSpPr txBox="1"/>
          <p:nvPr/>
        </p:nvSpPr>
        <p:spPr>
          <a:xfrm>
            <a:off x="3323315" y="3753150"/>
            <a:ext cx="853585" cy="116716"/>
          </a:xfrm>
          <a:prstGeom prst="rect">
            <a:avLst/>
          </a:prstGeom>
        </p:spPr>
        <p:txBody>
          <a:bodyPr vert="horz" wrap="square" lIns="0" tIns="8145" rIns="0" bIns="0" rtlCol="0">
            <a:spAutoFit/>
          </a:bodyPr>
          <a:lstStyle/>
          <a:p>
            <a:pPr marL="8145">
              <a:spcBef>
                <a:spcPts val="64"/>
              </a:spcBef>
            </a:pPr>
            <a:r>
              <a:rPr sz="705" b="1" spc="-10" dirty="0">
                <a:latin typeface="Yu Gothic UI Semibold"/>
                <a:cs typeface="Yu Gothic UI Semibold"/>
              </a:rPr>
              <a:t>提案内容の検証・審査</a:t>
            </a:r>
            <a:endParaRPr sz="705">
              <a:latin typeface="Yu Gothic UI Semibold"/>
              <a:cs typeface="Yu Gothic UI Semibold"/>
            </a:endParaRPr>
          </a:p>
        </p:txBody>
      </p:sp>
      <p:grpSp>
        <p:nvGrpSpPr>
          <p:cNvPr id="7" name="object 7"/>
          <p:cNvGrpSpPr/>
          <p:nvPr/>
        </p:nvGrpSpPr>
        <p:grpSpPr>
          <a:xfrm>
            <a:off x="2118523" y="3605565"/>
            <a:ext cx="3261622" cy="1170014"/>
            <a:chOff x="1360932" y="5622010"/>
            <a:chExt cx="5085715" cy="1824355"/>
          </a:xfrm>
        </p:grpSpPr>
        <p:sp>
          <p:nvSpPr>
            <p:cNvPr id="8" name="object 8"/>
            <p:cNvSpPr/>
            <p:nvPr/>
          </p:nvSpPr>
          <p:spPr>
            <a:xfrm>
              <a:off x="3717036" y="5622010"/>
              <a:ext cx="386080" cy="154305"/>
            </a:xfrm>
            <a:custGeom>
              <a:avLst/>
              <a:gdLst/>
              <a:ahLst/>
              <a:cxnLst/>
              <a:rect l="l" t="t" r="r" b="b"/>
              <a:pathLst>
                <a:path w="386079" h="154304">
                  <a:moveTo>
                    <a:pt x="385572" y="64008"/>
                  </a:moveTo>
                  <a:lnTo>
                    <a:pt x="323088" y="64008"/>
                  </a:lnTo>
                  <a:lnTo>
                    <a:pt x="272796" y="64008"/>
                  </a:lnTo>
                  <a:lnTo>
                    <a:pt x="272796" y="25908"/>
                  </a:lnTo>
                  <a:lnTo>
                    <a:pt x="272796" y="12192"/>
                  </a:lnTo>
                  <a:lnTo>
                    <a:pt x="272796" y="0"/>
                  </a:lnTo>
                  <a:lnTo>
                    <a:pt x="111252" y="0"/>
                  </a:lnTo>
                  <a:lnTo>
                    <a:pt x="111252" y="64008"/>
                  </a:lnTo>
                  <a:lnTo>
                    <a:pt x="62484" y="64008"/>
                  </a:lnTo>
                  <a:lnTo>
                    <a:pt x="0" y="64008"/>
                  </a:lnTo>
                  <a:lnTo>
                    <a:pt x="192024" y="153924"/>
                  </a:lnTo>
                  <a:lnTo>
                    <a:pt x="244500" y="129540"/>
                  </a:lnTo>
                  <a:lnTo>
                    <a:pt x="333082" y="88392"/>
                  </a:lnTo>
                  <a:lnTo>
                    <a:pt x="385572" y="64008"/>
                  </a:lnTo>
                  <a:close/>
                </a:path>
              </a:pathLst>
            </a:custGeom>
            <a:solidFill>
              <a:srgbClr val="00508D"/>
            </a:solidFill>
          </p:spPr>
          <p:txBody>
            <a:bodyPr wrap="square" lIns="0" tIns="0" rIns="0" bIns="0" rtlCol="0"/>
            <a:lstStyle/>
            <a:p>
              <a:endParaRPr sz="1154"/>
            </a:p>
          </p:txBody>
        </p:sp>
        <p:sp>
          <p:nvSpPr>
            <p:cNvPr id="9" name="object 9"/>
            <p:cNvSpPr/>
            <p:nvPr/>
          </p:nvSpPr>
          <p:spPr>
            <a:xfrm>
              <a:off x="1365504" y="6073114"/>
              <a:ext cx="5076825" cy="1367155"/>
            </a:xfrm>
            <a:custGeom>
              <a:avLst/>
              <a:gdLst/>
              <a:ahLst/>
              <a:cxnLst/>
              <a:rect l="l" t="t" r="r" b="b"/>
              <a:pathLst>
                <a:path w="5076825" h="1367154">
                  <a:moveTo>
                    <a:pt x="5076444" y="0"/>
                  </a:moveTo>
                  <a:lnTo>
                    <a:pt x="0" y="0"/>
                  </a:lnTo>
                  <a:lnTo>
                    <a:pt x="0" y="1367027"/>
                  </a:lnTo>
                  <a:lnTo>
                    <a:pt x="5076444" y="1367027"/>
                  </a:lnTo>
                  <a:lnTo>
                    <a:pt x="5076444" y="0"/>
                  </a:lnTo>
                  <a:close/>
                </a:path>
              </a:pathLst>
            </a:custGeom>
            <a:solidFill>
              <a:srgbClr val="FFFFCC"/>
            </a:solidFill>
          </p:spPr>
          <p:txBody>
            <a:bodyPr wrap="square" lIns="0" tIns="0" rIns="0" bIns="0" rtlCol="0"/>
            <a:lstStyle/>
            <a:p>
              <a:endParaRPr sz="1154"/>
            </a:p>
          </p:txBody>
        </p:sp>
        <p:sp>
          <p:nvSpPr>
            <p:cNvPr id="10" name="object 10"/>
            <p:cNvSpPr/>
            <p:nvPr/>
          </p:nvSpPr>
          <p:spPr>
            <a:xfrm>
              <a:off x="1360932" y="6068542"/>
              <a:ext cx="5085715" cy="1377950"/>
            </a:xfrm>
            <a:custGeom>
              <a:avLst/>
              <a:gdLst/>
              <a:ahLst/>
              <a:cxnLst/>
              <a:rect l="l" t="t" r="r" b="b"/>
              <a:pathLst>
                <a:path w="5085715" h="1377950">
                  <a:moveTo>
                    <a:pt x="10668" y="1367028"/>
                  </a:moveTo>
                  <a:lnTo>
                    <a:pt x="4572" y="1367028"/>
                  </a:lnTo>
                  <a:lnTo>
                    <a:pt x="4572" y="1377696"/>
                  </a:lnTo>
                  <a:lnTo>
                    <a:pt x="24384" y="1377696"/>
                  </a:lnTo>
                  <a:lnTo>
                    <a:pt x="24384" y="1371600"/>
                  </a:lnTo>
                  <a:lnTo>
                    <a:pt x="10668" y="1371600"/>
                  </a:lnTo>
                  <a:lnTo>
                    <a:pt x="10668" y="1367028"/>
                  </a:lnTo>
                  <a:close/>
                </a:path>
                <a:path w="5085715" h="1377950">
                  <a:moveTo>
                    <a:pt x="10668" y="1333500"/>
                  </a:moveTo>
                  <a:lnTo>
                    <a:pt x="0" y="1333500"/>
                  </a:lnTo>
                  <a:lnTo>
                    <a:pt x="0" y="1371600"/>
                  </a:lnTo>
                  <a:lnTo>
                    <a:pt x="4572" y="1371600"/>
                  </a:lnTo>
                  <a:lnTo>
                    <a:pt x="4572" y="1367028"/>
                  </a:lnTo>
                  <a:lnTo>
                    <a:pt x="10668" y="1367028"/>
                  </a:lnTo>
                  <a:lnTo>
                    <a:pt x="10668" y="1333500"/>
                  </a:lnTo>
                  <a:close/>
                </a:path>
                <a:path w="5085715" h="1377950">
                  <a:moveTo>
                    <a:pt x="24384" y="1367028"/>
                  </a:moveTo>
                  <a:lnTo>
                    <a:pt x="10668" y="1367028"/>
                  </a:lnTo>
                  <a:lnTo>
                    <a:pt x="10668" y="1371600"/>
                  </a:lnTo>
                  <a:lnTo>
                    <a:pt x="24384" y="1371600"/>
                  </a:lnTo>
                  <a:lnTo>
                    <a:pt x="24384" y="1367028"/>
                  </a:lnTo>
                  <a:close/>
                </a:path>
                <a:path w="5085715" h="1377950">
                  <a:moveTo>
                    <a:pt x="10668" y="1267968"/>
                  </a:moveTo>
                  <a:lnTo>
                    <a:pt x="0" y="1267968"/>
                  </a:lnTo>
                  <a:lnTo>
                    <a:pt x="0" y="1306068"/>
                  </a:lnTo>
                  <a:lnTo>
                    <a:pt x="10668" y="1306068"/>
                  </a:lnTo>
                  <a:lnTo>
                    <a:pt x="10668" y="1267968"/>
                  </a:lnTo>
                  <a:close/>
                </a:path>
                <a:path w="5085715" h="1377950">
                  <a:moveTo>
                    <a:pt x="10668" y="1200912"/>
                  </a:moveTo>
                  <a:lnTo>
                    <a:pt x="0" y="1200912"/>
                  </a:lnTo>
                  <a:lnTo>
                    <a:pt x="0" y="1239012"/>
                  </a:lnTo>
                  <a:lnTo>
                    <a:pt x="10668" y="1239012"/>
                  </a:lnTo>
                  <a:lnTo>
                    <a:pt x="10668" y="1200912"/>
                  </a:lnTo>
                  <a:close/>
                </a:path>
                <a:path w="5085715" h="1377950">
                  <a:moveTo>
                    <a:pt x="10668" y="1133856"/>
                  </a:moveTo>
                  <a:lnTo>
                    <a:pt x="0" y="1133856"/>
                  </a:lnTo>
                  <a:lnTo>
                    <a:pt x="0" y="1171956"/>
                  </a:lnTo>
                  <a:lnTo>
                    <a:pt x="10668" y="1171956"/>
                  </a:lnTo>
                  <a:lnTo>
                    <a:pt x="10668" y="1133856"/>
                  </a:lnTo>
                  <a:close/>
                </a:path>
                <a:path w="5085715" h="1377950">
                  <a:moveTo>
                    <a:pt x="10668" y="1066800"/>
                  </a:moveTo>
                  <a:lnTo>
                    <a:pt x="0" y="1066800"/>
                  </a:lnTo>
                  <a:lnTo>
                    <a:pt x="0" y="1104900"/>
                  </a:lnTo>
                  <a:lnTo>
                    <a:pt x="10668" y="1104900"/>
                  </a:lnTo>
                  <a:lnTo>
                    <a:pt x="10668" y="1066800"/>
                  </a:lnTo>
                  <a:close/>
                </a:path>
                <a:path w="5085715" h="1377950">
                  <a:moveTo>
                    <a:pt x="10668" y="1001268"/>
                  </a:moveTo>
                  <a:lnTo>
                    <a:pt x="0" y="1001268"/>
                  </a:lnTo>
                  <a:lnTo>
                    <a:pt x="0" y="1039368"/>
                  </a:lnTo>
                  <a:lnTo>
                    <a:pt x="10668" y="1039368"/>
                  </a:lnTo>
                  <a:lnTo>
                    <a:pt x="10668" y="1001268"/>
                  </a:lnTo>
                  <a:close/>
                </a:path>
                <a:path w="5085715" h="1377950">
                  <a:moveTo>
                    <a:pt x="10668" y="934212"/>
                  </a:moveTo>
                  <a:lnTo>
                    <a:pt x="0" y="934212"/>
                  </a:lnTo>
                  <a:lnTo>
                    <a:pt x="0" y="972312"/>
                  </a:lnTo>
                  <a:lnTo>
                    <a:pt x="10668" y="972312"/>
                  </a:lnTo>
                  <a:lnTo>
                    <a:pt x="10668" y="934212"/>
                  </a:lnTo>
                  <a:close/>
                </a:path>
                <a:path w="5085715" h="1377950">
                  <a:moveTo>
                    <a:pt x="10668" y="867156"/>
                  </a:moveTo>
                  <a:lnTo>
                    <a:pt x="0" y="867156"/>
                  </a:lnTo>
                  <a:lnTo>
                    <a:pt x="0" y="905256"/>
                  </a:lnTo>
                  <a:lnTo>
                    <a:pt x="10668" y="905256"/>
                  </a:lnTo>
                  <a:lnTo>
                    <a:pt x="10668" y="867156"/>
                  </a:lnTo>
                  <a:close/>
                </a:path>
                <a:path w="5085715" h="1377950">
                  <a:moveTo>
                    <a:pt x="10668" y="800100"/>
                  </a:moveTo>
                  <a:lnTo>
                    <a:pt x="0" y="800100"/>
                  </a:lnTo>
                  <a:lnTo>
                    <a:pt x="0" y="838200"/>
                  </a:lnTo>
                  <a:lnTo>
                    <a:pt x="10668" y="838200"/>
                  </a:lnTo>
                  <a:lnTo>
                    <a:pt x="10668" y="800100"/>
                  </a:lnTo>
                  <a:close/>
                </a:path>
                <a:path w="5085715" h="1377950">
                  <a:moveTo>
                    <a:pt x="10668" y="734568"/>
                  </a:moveTo>
                  <a:lnTo>
                    <a:pt x="0" y="734568"/>
                  </a:lnTo>
                  <a:lnTo>
                    <a:pt x="0" y="772668"/>
                  </a:lnTo>
                  <a:lnTo>
                    <a:pt x="10668" y="772668"/>
                  </a:lnTo>
                  <a:lnTo>
                    <a:pt x="10668" y="734568"/>
                  </a:lnTo>
                  <a:close/>
                </a:path>
                <a:path w="5085715" h="1377950">
                  <a:moveTo>
                    <a:pt x="10668" y="667512"/>
                  </a:moveTo>
                  <a:lnTo>
                    <a:pt x="0" y="667512"/>
                  </a:lnTo>
                  <a:lnTo>
                    <a:pt x="0" y="705612"/>
                  </a:lnTo>
                  <a:lnTo>
                    <a:pt x="10668" y="705612"/>
                  </a:lnTo>
                  <a:lnTo>
                    <a:pt x="10668" y="667512"/>
                  </a:lnTo>
                  <a:close/>
                </a:path>
                <a:path w="5085715" h="1377950">
                  <a:moveTo>
                    <a:pt x="10668" y="600456"/>
                  </a:moveTo>
                  <a:lnTo>
                    <a:pt x="0" y="600456"/>
                  </a:lnTo>
                  <a:lnTo>
                    <a:pt x="0" y="638556"/>
                  </a:lnTo>
                  <a:lnTo>
                    <a:pt x="10668" y="638556"/>
                  </a:lnTo>
                  <a:lnTo>
                    <a:pt x="10668" y="600456"/>
                  </a:lnTo>
                  <a:close/>
                </a:path>
                <a:path w="5085715" h="1377950">
                  <a:moveTo>
                    <a:pt x="10668" y="533400"/>
                  </a:moveTo>
                  <a:lnTo>
                    <a:pt x="0" y="533400"/>
                  </a:lnTo>
                  <a:lnTo>
                    <a:pt x="0" y="571500"/>
                  </a:lnTo>
                  <a:lnTo>
                    <a:pt x="10668" y="571500"/>
                  </a:lnTo>
                  <a:lnTo>
                    <a:pt x="10668" y="533400"/>
                  </a:lnTo>
                  <a:close/>
                </a:path>
                <a:path w="5085715" h="1377950">
                  <a:moveTo>
                    <a:pt x="10668" y="467868"/>
                  </a:moveTo>
                  <a:lnTo>
                    <a:pt x="0" y="467868"/>
                  </a:lnTo>
                  <a:lnTo>
                    <a:pt x="0" y="505968"/>
                  </a:lnTo>
                  <a:lnTo>
                    <a:pt x="10668" y="505968"/>
                  </a:lnTo>
                  <a:lnTo>
                    <a:pt x="10668" y="467868"/>
                  </a:lnTo>
                  <a:close/>
                </a:path>
                <a:path w="5085715" h="1377950">
                  <a:moveTo>
                    <a:pt x="10668" y="400812"/>
                  </a:moveTo>
                  <a:lnTo>
                    <a:pt x="0" y="400812"/>
                  </a:lnTo>
                  <a:lnTo>
                    <a:pt x="0" y="438912"/>
                  </a:lnTo>
                  <a:lnTo>
                    <a:pt x="10668" y="438912"/>
                  </a:lnTo>
                  <a:lnTo>
                    <a:pt x="10668" y="400812"/>
                  </a:lnTo>
                  <a:close/>
                </a:path>
                <a:path w="5085715" h="1377950">
                  <a:moveTo>
                    <a:pt x="10668" y="333756"/>
                  </a:moveTo>
                  <a:lnTo>
                    <a:pt x="0" y="333756"/>
                  </a:lnTo>
                  <a:lnTo>
                    <a:pt x="0" y="371856"/>
                  </a:lnTo>
                  <a:lnTo>
                    <a:pt x="10668" y="371856"/>
                  </a:lnTo>
                  <a:lnTo>
                    <a:pt x="10668" y="333756"/>
                  </a:lnTo>
                  <a:close/>
                </a:path>
                <a:path w="5085715" h="1377950">
                  <a:moveTo>
                    <a:pt x="10668" y="266700"/>
                  </a:moveTo>
                  <a:lnTo>
                    <a:pt x="0" y="266700"/>
                  </a:lnTo>
                  <a:lnTo>
                    <a:pt x="0" y="304800"/>
                  </a:lnTo>
                  <a:lnTo>
                    <a:pt x="10668" y="304800"/>
                  </a:lnTo>
                  <a:lnTo>
                    <a:pt x="10668" y="266700"/>
                  </a:lnTo>
                  <a:close/>
                </a:path>
                <a:path w="5085715" h="1377950">
                  <a:moveTo>
                    <a:pt x="10668" y="201168"/>
                  </a:moveTo>
                  <a:lnTo>
                    <a:pt x="0" y="201168"/>
                  </a:lnTo>
                  <a:lnTo>
                    <a:pt x="0" y="239268"/>
                  </a:lnTo>
                  <a:lnTo>
                    <a:pt x="10668" y="239268"/>
                  </a:lnTo>
                  <a:lnTo>
                    <a:pt x="10668" y="201168"/>
                  </a:lnTo>
                  <a:close/>
                </a:path>
                <a:path w="5085715" h="1377950">
                  <a:moveTo>
                    <a:pt x="10668" y="134112"/>
                  </a:moveTo>
                  <a:lnTo>
                    <a:pt x="0" y="134112"/>
                  </a:lnTo>
                  <a:lnTo>
                    <a:pt x="0" y="172212"/>
                  </a:lnTo>
                  <a:lnTo>
                    <a:pt x="10668" y="172212"/>
                  </a:lnTo>
                  <a:lnTo>
                    <a:pt x="10668" y="134112"/>
                  </a:lnTo>
                  <a:close/>
                </a:path>
                <a:path w="5085715" h="1377950">
                  <a:moveTo>
                    <a:pt x="10668" y="67056"/>
                  </a:moveTo>
                  <a:lnTo>
                    <a:pt x="0" y="67056"/>
                  </a:lnTo>
                  <a:lnTo>
                    <a:pt x="0" y="105156"/>
                  </a:lnTo>
                  <a:lnTo>
                    <a:pt x="10668" y="105156"/>
                  </a:lnTo>
                  <a:lnTo>
                    <a:pt x="10668" y="67056"/>
                  </a:lnTo>
                  <a:close/>
                </a:path>
                <a:path w="5085715" h="1377950">
                  <a:moveTo>
                    <a:pt x="9144" y="0"/>
                  </a:moveTo>
                  <a:lnTo>
                    <a:pt x="3048" y="0"/>
                  </a:lnTo>
                  <a:lnTo>
                    <a:pt x="0" y="1524"/>
                  </a:lnTo>
                  <a:lnTo>
                    <a:pt x="0" y="38100"/>
                  </a:lnTo>
                  <a:lnTo>
                    <a:pt x="10668" y="38100"/>
                  </a:lnTo>
                  <a:lnTo>
                    <a:pt x="10668" y="9143"/>
                  </a:lnTo>
                  <a:lnTo>
                    <a:pt x="4572" y="9143"/>
                  </a:lnTo>
                  <a:lnTo>
                    <a:pt x="9144" y="5715"/>
                  </a:lnTo>
                  <a:lnTo>
                    <a:pt x="9144" y="0"/>
                  </a:lnTo>
                  <a:close/>
                </a:path>
                <a:path w="5085715" h="1377950">
                  <a:moveTo>
                    <a:pt x="9144" y="5715"/>
                  </a:moveTo>
                  <a:lnTo>
                    <a:pt x="4572" y="9143"/>
                  </a:lnTo>
                  <a:lnTo>
                    <a:pt x="9144" y="9143"/>
                  </a:lnTo>
                  <a:lnTo>
                    <a:pt x="9144" y="5715"/>
                  </a:lnTo>
                  <a:close/>
                </a:path>
                <a:path w="5085715" h="1377950">
                  <a:moveTo>
                    <a:pt x="10668" y="4571"/>
                  </a:moveTo>
                  <a:lnTo>
                    <a:pt x="9144" y="5715"/>
                  </a:lnTo>
                  <a:lnTo>
                    <a:pt x="9144" y="9143"/>
                  </a:lnTo>
                  <a:lnTo>
                    <a:pt x="10668" y="9143"/>
                  </a:lnTo>
                  <a:lnTo>
                    <a:pt x="10668" y="4571"/>
                  </a:lnTo>
                  <a:close/>
                </a:path>
                <a:path w="5085715" h="1377950">
                  <a:moveTo>
                    <a:pt x="76200" y="0"/>
                  </a:moveTo>
                  <a:lnTo>
                    <a:pt x="38100" y="0"/>
                  </a:lnTo>
                  <a:lnTo>
                    <a:pt x="38100" y="9143"/>
                  </a:lnTo>
                  <a:lnTo>
                    <a:pt x="76200" y="9143"/>
                  </a:lnTo>
                  <a:lnTo>
                    <a:pt x="76200" y="0"/>
                  </a:lnTo>
                  <a:close/>
                </a:path>
                <a:path w="5085715" h="1377950">
                  <a:moveTo>
                    <a:pt x="141732" y="0"/>
                  </a:moveTo>
                  <a:lnTo>
                    <a:pt x="103632" y="0"/>
                  </a:lnTo>
                  <a:lnTo>
                    <a:pt x="103632" y="9143"/>
                  </a:lnTo>
                  <a:lnTo>
                    <a:pt x="141732" y="9143"/>
                  </a:lnTo>
                  <a:lnTo>
                    <a:pt x="141732" y="0"/>
                  </a:lnTo>
                  <a:close/>
                </a:path>
                <a:path w="5085715" h="1377950">
                  <a:moveTo>
                    <a:pt x="208788" y="0"/>
                  </a:moveTo>
                  <a:lnTo>
                    <a:pt x="170688" y="0"/>
                  </a:lnTo>
                  <a:lnTo>
                    <a:pt x="170688" y="9143"/>
                  </a:lnTo>
                  <a:lnTo>
                    <a:pt x="208788" y="9143"/>
                  </a:lnTo>
                  <a:lnTo>
                    <a:pt x="208788" y="0"/>
                  </a:lnTo>
                  <a:close/>
                </a:path>
                <a:path w="5085715" h="1377950">
                  <a:moveTo>
                    <a:pt x="275844" y="0"/>
                  </a:moveTo>
                  <a:lnTo>
                    <a:pt x="237744" y="0"/>
                  </a:lnTo>
                  <a:lnTo>
                    <a:pt x="237744" y="9143"/>
                  </a:lnTo>
                  <a:lnTo>
                    <a:pt x="275844" y="9143"/>
                  </a:lnTo>
                  <a:lnTo>
                    <a:pt x="275844" y="0"/>
                  </a:lnTo>
                  <a:close/>
                </a:path>
                <a:path w="5085715" h="1377950">
                  <a:moveTo>
                    <a:pt x="342900" y="0"/>
                  </a:moveTo>
                  <a:lnTo>
                    <a:pt x="304800" y="0"/>
                  </a:lnTo>
                  <a:lnTo>
                    <a:pt x="304800" y="9143"/>
                  </a:lnTo>
                  <a:lnTo>
                    <a:pt x="342900" y="9143"/>
                  </a:lnTo>
                  <a:lnTo>
                    <a:pt x="342900" y="0"/>
                  </a:lnTo>
                  <a:close/>
                </a:path>
                <a:path w="5085715" h="1377950">
                  <a:moveTo>
                    <a:pt x="408431" y="0"/>
                  </a:moveTo>
                  <a:lnTo>
                    <a:pt x="370332" y="0"/>
                  </a:lnTo>
                  <a:lnTo>
                    <a:pt x="370332" y="9143"/>
                  </a:lnTo>
                  <a:lnTo>
                    <a:pt x="408431" y="9143"/>
                  </a:lnTo>
                  <a:lnTo>
                    <a:pt x="408431" y="0"/>
                  </a:lnTo>
                  <a:close/>
                </a:path>
                <a:path w="5085715" h="1377950">
                  <a:moveTo>
                    <a:pt x="475488" y="0"/>
                  </a:moveTo>
                  <a:lnTo>
                    <a:pt x="437388" y="0"/>
                  </a:lnTo>
                  <a:lnTo>
                    <a:pt x="437388" y="9143"/>
                  </a:lnTo>
                  <a:lnTo>
                    <a:pt x="475488" y="9143"/>
                  </a:lnTo>
                  <a:lnTo>
                    <a:pt x="475488" y="0"/>
                  </a:lnTo>
                  <a:close/>
                </a:path>
                <a:path w="5085715" h="1377950">
                  <a:moveTo>
                    <a:pt x="542544" y="0"/>
                  </a:moveTo>
                  <a:lnTo>
                    <a:pt x="504444" y="0"/>
                  </a:lnTo>
                  <a:lnTo>
                    <a:pt x="504444" y="9143"/>
                  </a:lnTo>
                  <a:lnTo>
                    <a:pt x="542544" y="9143"/>
                  </a:lnTo>
                  <a:lnTo>
                    <a:pt x="542544" y="0"/>
                  </a:lnTo>
                  <a:close/>
                </a:path>
                <a:path w="5085715" h="1377950">
                  <a:moveTo>
                    <a:pt x="609600" y="0"/>
                  </a:moveTo>
                  <a:lnTo>
                    <a:pt x="571500" y="0"/>
                  </a:lnTo>
                  <a:lnTo>
                    <a:pt x="571500" y="9143"/>
                  </a:lnTo>
                  <a:lnTo>
                    <a:pt x="609600" y="9143"/>
                  </a:lnTo>
                  <a:lnTo>
                    <a:pt x="609600" y="0"/>
                  </a:lnTo>
                  <a:close/>
                </a:path>
                <a:path w="5085715" h="1377950">
                  <a:moveTo>
                    <a:pt x="675132" y="0"/>
                  </a:moveTo>
                  <a:lnTo>
                    <a:pt x="637032" y="0"/>
                  </a:lnTo>
                  <a:lnTo>
                    <a:pt x="637032" y="9143"/>
                  </a:lnTo>
                  <a:lnTo>
                    <a:pt x="675132" y="9143"/>
                  </a:lnTo>
                  <a:lnTo>
                    <a:pt x="675132" y="0"/>
                  </a:lnTo>
                  <a:close/>
                </a:path>
                <a:path w="5085715" h="1377950">
                  <a:moveTo>
                    <a:pt x="742188" y="0"/>
                  </a:moveTo>
                  <a:lnTo>
                    <a:pt x="704088" y="0"/>
                  </a:lnTo>
                  <a:lnTo>
                    <a:pt x="704088" y="9143"/>
                  </a:lnTo>
                  <a:lnTo>
                    <a:pt x="742188" y="9143"/>
                  </a:lnTo>
                  <a:lnTo>
                    <a:pt x="742188" y="0"/>
                  </a:lnTo>
                  <a:close/>
                </a:path>
                <a:path w="5085715" h="1377950">
                  <a:moveTo>
                    <a:pt x="809244" y="0"/>
                  </a:moveTo>
                  <a:lnTo>
                    <a:pt x="771144" y="0"/>
                  </a:lnTo>
                  <a:lnTo>
                    <a:pt x="771144" y="9143"/>
                  </a:lnTo>
                  <a:lnTo>
                    <a:pt x="809244" y="9143"/>
                  </a:lnTo>
                  <a:lnTo>
                    <a:pt x="809244" y="0"/>
                  </a:lnTo>
                  <a:close/>
                </a:path>
                <a:path w="5085715" h="1377950">
                  <a:moveTo>
                    <a:pt x="876300" y="0"/>
                  </a:moveTo>
                  <a:lnTo>
                    <a:pt x="838200" y="0"/>
                  </a:lnTo>
                  <a:lnTo>
                    <a:pt x="838200" y="9143"/>
                  </a:lnTo>
                  <a:lnTo>
                    <a:pt x="876300" y="9143"/>
                  </a:lnTo>
                  <a:lnTo>
                    <a:pt x="876300" y="0"/>
                  </a:lnTo>
                  <a:close/>
                </a:path>
                <a:path w="5085715" h="1377950">
                  <a:moveTo>
                    <a:pt x="941832" y="0"/>
                  </a:moveTo>
                  <a:lnTo>
                    <a:pt x="903732" y="0"/>
                  </a:lnTo>
                  <a:lnTo>
                    <a:pt x="903732" y="9143"/>
                  </a:lnTo>
                  <a:lnTo>
                    <a:pt x="941832" y="9143"/>
                  </a:lnTo>
                  <a:lnTo>
                    <a:pt x="941832" y="0"/>
                  </a:lnTo>
                  <a:close/>
                </a:path>
                <a:path w="5085715" h="1377950">
                  <a:moveTo>
                    <a:pt x="1008888" y="0"/>
                  </a:moveTo>
                  <a:lnTo>
                    <a:pt x="970788" y="0"/>
                  </a:lnTo>
                  <a:lnTo>
                    <a:pt x="970788" y="9143"/>
                  </a:lnTo>
                  <a:lnTo>
                    <a:pt x="1008888" y="9143"/>
                  </a:lnTo>
                  <a:lnTo>
                    <a:pt x="1008888" y="0"/>
                  </a:lnTo>
                  <a:close/>
                </a:path>
                <a:path w="5085715" h="1377950">
                  <a:moveTo>
                    <a:pt x="1075944" y="0"/>
                  </a:moveTo>
                  <a:lnTo>
                    <a:pt x="1037844" y="0"/>
                  </a:lnTo>
                  <a:lnTo>
                    <a:pt x="1037844" y="9143"/>
                  </a:lnTo>
                  <a:lnTo>
                    <a:pt x="1075944" y="9143"/>
                  </a:lnTo>
                  <a:lnTo>
                    <a:pt x="1075944" y="0"/>
                  </a:lnTo>
                  <a:close/>
                </a:path>
                <a:path w="5085715" h="1377950">
                  <a:moveTo>
                    <a:pt x="1143000" y="0"/>
                  </a:moveTo>
                  <a:lnTo>
                    <a:pt x="1104900" y="0"/>
                  </a:lnTo>
                  <a:lnTo>
                    <a:pt x="1104900" y="9143"/>
                  </a:lnTo>
                  <a:lnTo>
                    <a:pt x="1143000" y="9143"/>
                  </a:lnTo>
                  <a:lnTo>
                    <a:pt x="1143000" y="0"/>
                  </a:lnTo>
                  <a:close/>
                </a:path>
                <a:path w="5085715" h="1377950">
                  <a:moveTo>
                    <a:pt x="1208532" y="0"/>
                  </a:moveTo>
                  <a:lnTo>
                    <a:pt x="1170432" y="0"/>
                  </a:lnTo>
                  <a:lnTo>
                    <a:pt x="1170432" y="9143"/>
                  </a:lnTo>
                  <a:lnTo>
                    <a:pt x="1208532" y="9143"/>
                  </a:lnTo>
                  <a:lnTo>
                    <a:pt x="1208532" y="0"/>
                  </a:lnTo>
                  <a:close/>
                </a:path>
                <a:path w="5085715" h="1377950">
                  <a:moveTo>
                    <a:pt x="1275588" y="0"/>
                  </a:moveTo>
                  <a:lnTo>
                    <a:pt x="1237488" y="0"/>
                  </a:lnTo>
                  <a:lnTo>
                    <a:pt x="1237488" y="9143"/>
                  </a:lnTo>
                  <a:lnTo>
                    <a:pt x="1275588" y="9143"/>
                  </a:lnTo>
                  <a:lnTo>
                    <a:pt x="1275588" y="0"/>
                  </a:lnTo>
                  <a:close/>
                </a:path>
                <a:path w="5085715" h="1377950">
                  <a:moveTo>
                    <a:pt x="1342644" y="0"/>
                  </a:moveTo>
                  <a:lnTo>
                    <a:pt x="1304544" y="0"/>
                  </a:lnTo>
                  <a:lnTo>
                    <a:pt x="1304544" y="9143"/>
                  </a:lnTo>
                  <a:lnTo>
                    <a:pt x="1342644" y="9143"/>
                  </a:lnTo>
                  <a:lnTo>
                    <a:pt x="1342644" y="0"/>
                  </a:lnTo>
                  <a:close/>
                </a:path>
                <a:path w="5085715" h="1377950">
                  <a:moveTo>
                    <a:pt x="1409700" y="0"/>
                  </a:moveTo>
                  <a:lnTo>
                    <a:pt x="1371600" y="0"/>
                  </a:lnTo>
                  <a:lnTo>
                    <a:pt x="1371600" y="9143"/>
                  </a:lnTo>
                  <a:lnTo>
                    <a:pt x="1409700" y="9143"/>
                  </a:lnTo>
                  <a:lnTo>
                    <a:pt x="1409700" y="0"/>
                  </a:lnTo>
                  <a:close/>
                </a:path>
                <a:path w="5085715" h="1377950">
                  <a:moveTo>
                    <a:pt x="1475232" y="0"/>
                  </a:moveTo>
                  <a:lnTo>
                    <a:pt x="1437132" y="0"/>
                  </a:lnTo>
                  <a:lnTo>
                    <a:pt x="1437132" y="9143"/>
                  </a:lnTo>
                  <a:lnTo>
                    <a:pt x="1475232" y="9143"/>
                  </a:lnTo>
                  <a:lnTo>
                    <a:pt x="1475232" y="0"/>
                  </a:lnTo>
                  <a:close/>
                </a:path>
                <a:path w="5085715" h="1377950">
                  <a:moveTo>
                    <a:pt x="1542288" y="0"/>
                  </a:moveTo>
                  <a:lnTo>
                    <a:pt x="1504188" y="0"/>
                  </a:lnTo>
                  <a:lnTo>
                    <a:pt x="1504188" y="9143"/>
                  </a:lnTo>
                  <a:lnTo>
                    <a:pt x="1542288" y="9143"/>
                  </a:lnTo>
                  <a:lnTo>
                    <a:pt x="1542288" y="0"/>
                  </a:lnTo>
                  <a:close/>
                </a:path>
                <a:path w="5085715" h="1377950">
                  <a:moveTo>
                    <a:pt x="1609344" y="0"/>
                  </a:moveTo>
                  <a:lnTo>
                    <a:pt x="1571244" y="0"/>
                  </a:lnTo>
                  <a:lnTo>
                    <a:pt x="1571244" y="9143"/>
                  </a:lnTo>
                  <a:lnTo>
                    <a:pt x="1609344" y="9143"/>
                  </a:lnTo>
                  <a:lnTo>
                    <a:pt x="1609344" y="0"/>
                  </a:lnTo>
                  <a:close/>
                </a:path>
                <a:path w="5085715" h="1377950">
                  <a:moveTo>
                    <a:pt x="1676400" y="0"/>
                  </a:moveTo>
                  <a:lnTo>
                    <a:pt x="1638300" y="0"/>
                  </a:lnTo>
                  <a:lnTo>
                    <a:pt x="1638300" y="9143"/>
                  </a:lnTo>
                  <a:lnTo>
                    <a:pt x="1676400" y="9143"/>
                  </a:lnTo>
                  <a:lnTo>
                    <a:pt x="1676400" y="0"/>
                  </a:lnTo>
                  <a:close/>
                </a:path>
                <a:path w="5085715" h="1377950">
                  <a:moveTo>
                    <a:pt x="1741932" y="0"/>
                  </a:moveTo>
                  <a:lnTo>
                    <a:pt x="1703832" y="0"/>
                  </a:lnTo>
                  <a:lnTo>
                    <a:pt x="1703832" y="9143"/>
                  </a:lnTo>
                  <a:lnTo>
                    <a:pt x="1741932" y="9143"/>
                  </a:lnTo>
                  <a:lnTo>
                    <a:pt x="1741932" y="0"/>
                  </a:lnTo>
                  <a:close/>
                </a:path>
                <a:path w="5085715" h="1377950">
                  <a:moveTo>
                    <a:pt x="1808988" y="0"/>
                  </a:moveTo>
                  <a:lnTo>
                    <a:pt x="1770888" y="0"/>
                  </a:lnTo>
                  <a:lnTo>
                    <a:pt x="1770888" y="9143"/>
                  </a:lnTo>
                  <a:lnTo>
                    <a:pt x="1808988" y="9143"/>
                  </a:lnTo>
                  <a:lnTo>
                    <a:pt x="1808988" y="0"/>
                  </a:lnTo>
                  <a:close/>
                </a:path>
                <a:path w="5085715" h="1377950">
                  <a:moveTo>
                    <a:pt x="1876044" y="0"/>
                  </a:moveTo>
                  <a:lnTo>
                    <a:pt x="1837944" y="0"/>
                  </a:lnTo>
                  <a:lnTo>
                    <a:pt x="1837944" y="9143"/>
                  </a:lnTo>
                  <a:lnTo>
                    <a:pt x="1876044" y="9143"/>
                  </a:lnTo>
                  <a:lnTo>
                    <a:pt x="1876044" y="0"/>
                  </a:lnTo>
                  <a:close/>
                </a:path>
                <a:path w="5085715" h="1377950">
                  <a:moveTo>
                    <a:pt x="1943100" y="0"/>
                  </a:moveTo>
                  <a:lnTo>
                    <a:pt x="1905000" y="0"/>
                  </a:lnTo>
                  <a:lnTo>
                    <a:pt x="1905000" y="9143"/>
                  </a:lnTo>
                  <a:lnTo>
                    <a:pt x="1943100" y="9143"/>
                  </a:lnTo>
                  <a:lnTo>
                    <a:pt x="1943100" y="0"/>
                  </a:lnTo>
                  <a:close/>
                </a:path>
                <a:path w="5085715" h="1377950">
                  <a:moveTo>
                    <a:pt x="2008632" y="0"/>
                  </a:moveTo>
                  <a:lnTo>
                    <a:pt x="1970532" y="0"/>
                  </a:lnTo>
                  <a:lnTo>
                    <a:pt x="1970532" y="9143"/>
                  </a:lnTo>
                  <a:lnTo>
                    <a:pt x="2008632" y="9143"/>
                  </a:lnTo>
                  <a:lnTo>
                    <a:pt x="2008632" y="0"/>
                  </a:lnTo>
                  <a:close/>
                </a:path>
                <a:path w="5085715" h="1377950">
                  <a:moveTo>
                    <a:pt x="2075688" y="0"/>
                  </a:moveTo>
                  <a:lnTo>
                    <a:pt x="2037588" y="0"/>
                  </a:lnTo>
                  <a:lnTo>
                    <a:pt x="2037588" y="9143"/>
                  </a:lnTo>
                  <a:lnTo>
                    <a:pt x="2075688" y="9143"/>
                  </a:lnTo>
                  <a:lnTo>
                    <a:pt x="2075688" y="0"/>
                  </a:lnTo>
                  <a:close/>
                </a:path>
                <a:path w="5085715" h="1377950">
                  <a:moveTo>
                    <a:pt x="2142744" y="0"/>
                  </a:moveTo>
                  <a:lnTo>
                    <a:pt x="2104644" y="0"/>
                  </a:lnTo>
                  <a:lnTo>
                    <a:pt x="2104644" y="9143"/>
                  </a:lnTo>
                  <a:lnTo>
                    <a:pt x="2142744" y="9143"/>
                  </a:lnTo>
                  <a:lnTo>
                    <a:pt x="2142744" y="0"/>
                  </a:lnTo>
                  <a:close/>
                </a:path>
                <a:path w="5085715" h="1377950">
                  <a:moveTo>
                    <a:pt x="2209800" y="0"/>
                  </a:moveTo>
                  <a:lnTo>
                    <a:pt x="2171700" y="0"/>
                  </a:lnTo>
                  <a:lnTo>
                    <a:pt x="2171700" y="9143"/>
                  </a:lnTo>
                  <a:lnTo>
                    <a:pt x="2209800" y="9143"/>
                  </a:lnTo>
                  <a:lnTo>
                    <a:pt x="2209800" y="0"/>
                  </a:lnTo>
                  <a:close/>
                </a:path>
                <a:path w="5085715" h="1377950">
                  <a:moveTo>
                    <a:pt x="2275332" y="0"/>
                  </a:moveTo>
                  <a:lnTo>
                    <a:pt x="2237232" y="0"/>
                  </a:lnTo>
                  <a:lnTo>
                    <a:pt x="2237232" y="9143"/>
                  </a:lnTo>
                  <a:lnTo>
                    <a:pt x="2275332" y="9143"/>
                  </a:lnTo>
                  <a:lnTo>
                    <a:pt x="2275332" y="0"/>
                  </a:lnTo>
                  <a:close/>
                </a:path>
                <a:path w="5085715" h="1377950">
                  <a:moveTo>
                    <a:pt x="2342388" y="0"/>
                  </a:moveTo>
                  <a:lnTo>
                    <a:pt x="2304288" y="0"/>
                  </a:lnTo>
                  <a:lnTo>
                    <a:pt x="2304288" y="9143"/>
                  </a:lnTo>
                  <a:lnTo>
                    <a:pt x="2342388" y="9143"/>
                  </a:lnTo>
                  <a:lnTo>
                    <a:pt x="2342388" y="0"/>
                  </a:lnTo>
                  <a:close/>
                </a:path>
                <a:path w="5085715" h="1377950">
                  <a:moveTo>
                    <a:pt x="2409444" y="0"/>
                  </a:moveTo>
                  <a:lnTo>
                    <a:pt x="2371344" y="0"/>
                  </a:lnTo>
                  <a:lnTo>
                    <a:pt x="2371344" y="9143"/>
                  </a:lnTo>
                  <a:lnTo>
                    <a:pt x="2409444" y="9143"/>
                  </a:lnTo>
                  <a:lnTo>
                    <a:pt x="2409444" y="0"/>
                  </a:lnTo>
                  <a:close/>
                </a:path>
                <a:path w="5085715" h="1377950">
                  <a:moveTo>
                    <a:pt x="2476500" y="0"/>
                  </a:moveTo>
                  <a:lnTo>
                    <a:pt x="2438400" y="0"/>
                  </a:lnTo>
                  <a:lnTo>
                    <a:pt x="2438400" y="9143"/>
                  </a:lnTo>
                  <a:lnTo>
                    <a:pt x="2476500" y="9143"/>
                  </a:lnTo>
                  <a:lnTo>
                    <a:pt x="2476500" y="0"/>
                  </a:lnTo>
                  <a:close/>
                </a:path>
                <a:path w="5085715" h="1377950">
                  <a:moveTo>
                    <a:pt x="2542032" y="0"/>
                  </a:moveTo>
                  <a:lnTo>
                    <a:pt x="2503932" y="0"/>
                  </a:lnTo>
                  <a:lnTo>
                    <a:pt x="2503932" y="9143"/>
                  </a:lnTo>
                  <a:lnTo>
                    <a:pt x="2542032" y="9143"/>
                  </a:lnTo>
                  <a:lnTo>
                    <a:pt x="2542032" y="0"/>
                  </a:lnTo>
                  <a:close/>
                </a:path>
                <a:path w="5085715" h="1377950">
                  <a:moveTo>
                    <a:pt x="2609088" y="0"/>
                  </a:moveTo>
                  <a:lnTo>
                    <a:pt x="2570988" y="0"/>
                  </a:lnTo>
                  <a:lnTo>
                    <a:pt x="2570988" y="9143"/>
                  </a:lnTo>
                  <a:lnTo>
                    <a:pt x="2609088" y="9143"/>
                  </a:lnTo>
                  <a:lnTo>
                    <a:pt x="2609088" y="0"/>
                  </a:lnTo>
                  <a:close/>
                </a:path>
                <a:path w="5085715" h="1377950">
                  <a:moveTo>
                    <a:pt x="2676144" y="0"/>
                  </a:moveTo>
                  <a:lnTo>
                    <a:pt x="2638044" y="0"/>
                  </a:lnTo>
                  <a:lnTo>
                    <a:pt x="2638044" y="9143"/>
                  </a:lnTo>
                  <a:lnTo>
                    <a:pt x="2676144" y="9143"/>
                  </a:lnTo>
                  <a:lnTo>
                    <a:pt x="2676144" y="0"/>
                  </a:lnTo>
                  <a:close/>
                </a:path>
                <a:path w="5085715" h="1377950">
                  <a:moveTo>
                    <a:pt x="2743200" y="0"/>
                  </a:moveTo>
                  <a:lnTo>
                    <a:pt x="2705100" y="0"/>
                  </a:lnTo>
                  <a:lnTo>
                    <a:pt x="2705100" y="9143"/>
                  </a:lnTo>
                  <a:lnTo>
                    <a:pt x="2743200" y="9143"/>
                  </a:lnTo>
                  <a:lnTo>
                    <a:pt x="2743200" y="0"/>
                  </a:lnTo>
                  <a:close/>
                </a:path>
                <a:path w="5085715" h="1377950">
                  <a:moveTo>
                    <a:pt x="2808732" y="0"/>
                  </a:moveTo>
                  <a:lnTo>
                    <a:pt x="2770632" y="0"/>
                  </a:lnTo>
                  <a:lnTo>
                    <a:pt x="2770632" y="9143"/>
                  </a:lnTo>
                  <a:lnTo>
                    <a:pt x="2808732" y="9143"/>
                  </a:lnTo>
                  <a:lnTo>
                    <a:pt x="2808732" y="0"/>
                  </a:lnTo>
                  <a:close/>
                </a:path>
                <a:path w="5085715" h="1377950">
                  <a:moveTo>
                    <a:pt x="2875788" y="0"/>
                  </a:moveTo>
                  <a:lnTo>
                    <a:pt x="2837688" y="0"/>
                  </a:lnTo>
                  <a:lnTo>
                    <a:pt x="2837688" y="9143"/>
                  </a:lnTo>
                  <a:lnTo>
                    <a:pt x="2875788" y="9143"/>
                  </a:lnTo>
                  <a:lnTo>
                    <a:pt x="2875788" y="0"/>
                  </a:lnTo>
                  <a:close/>
                </a:path>
                <a:path w="5085715" h="1377950">
                  <a:moveTo>
                    <a:pt x="2942844" y="0"/>
                  </a:moveTo>
                  <a:lnTo>
                    <a:pt x="2904744" y="0"/>
                  </a:lnTo>
                  <a:lnTo>
                    <a:pt x="2904744" y="9143"/>
                  </a:lnTo>
                  <a:lnTo>
                    <a:pt x="2942844" y="9143"/>
                  </a:lnTo>
                  <a:lnTo>
                    <a:pt x="2942844" y="0"/>
                  </a:lnTo>
                  <a:close/>
                </a:path>
                <a:path w="5085715" h="1377950">
                  <a:moveTo>
                    <a:pt x="3009900" y="0"/>
                  </a:moveTo>
                  <a:lnTo>
                    <a:pt x="2971800" y="0"/>
                  </a:lnTo>
                  <a:lnTo>
                    <a:pt x="2971800" y="9143"/>
                  </a:lnTo>
                  <a:lnTo>
                    <a:pt x="3009900" y="9143"/>
                  </a:lnTo>
                  <a:lnTo>
                    <a:pt x="3009900" y="0"/>
                  </a:lnTo>
                  <a:close/>
                </a:path>
                <a:path w="5085715" h="1377950">
                  <a:moveTo>
                    <a:pt x="3075432" y="0"/>
                  </a:moveTo>
                  <a:lnTo>
                    <a:pt x="3037332" y="0"/>
                  </a:lnTo>
                  <a:lnTo>
                    <a:pt x="3037332" y="9143"/>
                  </a:lnTo>
                  <a:lnTo>
                    <a:pt x="3075432" y="9143"/>
                  </a:lnTo>
                  <a:lnTo>
                    <a:pt x="3075432" y="0"/>
                  </a:lnTo>
                  <a:close/>
                </a:path>
                <a:path w="5085715" h="1377950">
                  <a:moveTo>
                    <a:pt x="3142488" y="0"/>
                  </a:moveTo>
                  <a:lnTo>
                    <a:pt x="3104388" y="0"/>
                  </a:lnTo>
                  <a:lnTo>
                    <a:pt x="3104388" y="9143"/>
                  </a:lnTo>
                  <a:lnTo>
                    <a:pt x="3142488" y="9143"/>
                  </a:lnTo>
                  <a:lnTo>
                    <a:pt x="3142488" y="0"/>
                  </a:lnTo>
                  <a:close/>
                </a:path>
                <a:path w="5085715" h="1377950">
                  <a:moveTo>
                    <a:pt x="3209544" y="0"/>
                  </a:moveTo>
                  <a:lnTo>
                    <a:pt x="3171444" y="0"/>
                  </a:lnTo>
                  <a:lnTo>
                    <a:pt x="3171444" y="9143"/>
                  </a:lnTo>
                  <a:lnTo>
                    <a:pt x="3209544" y="9143"/>
                  </a:lnTo>
                  <a:lnTo>
                    <a:pt x="3209544" y="0"/>
                  </a:lnTo>
                  <a:close/>
                </a:path>
                <a:path w="5085715" h="1377950">
                  <a:moveTo>
                    <a:pt x="3276600" y="0"/>
                  </a:moveTo>
                  <a:lnTo>
                    <a:pt x="3238500" y="0"/>
                  </a:lnTo>
                  <a:lnTo>
                    <a:pt x="3238500" y="9143"/>
                  </a:lnTo>
                  <a:lnTo>
                    <a:pt x="3276600" y="9143"/>
                  </a:lnTo>
                  <a:lnTo>
                    <a:pt x="3276600" y="0"/>
                  </a:lnTo>
                  <a:close/>
                </a:path>
                <a:path w="5085715" h="1377950">
                  <a:moveTo>
                    <a:pt x="3342132" y="0"/>
                  </a:moveTo>
                  <a:lnTo>
                    <a:pt x="3304032" y="0"/>
                  </a:lnTo>
                  <a:lnTo>
                    <a:pt x="3304032" y="9143"/>
                  </a:lnTo>
                  <a:lnTo>
                    <a:pt x="3342132" y="9143"/>
                  </a:lnTo>
                  <a:lnTo>
                    <a:pt x="3342132" y="0"/>
                  </a:lnTo>
                  <a:close/>
                </a:path>
                <a:path w="5085715" h="1377950">
                  <a:moveTo>
                    <a:pt x="3409188" y="0"/>
                  </a:moveTo>
                  <a:lnTo>
                    <a:pt x="3371088" y="0"/>
                  </a:lnTo>
                  <a:lnTo>
                    <a:pt x="3371088" y="9143"/>
                  </a:lnTo>
                  <a:lnTo>
                    <a:pt x="3409188" y="9143"/>
                  </a:lnTo>
                  <a:lnTo>
                    <a:pt x="3409188" y="0"/>
                  </a:lnTo>
                  <a:close/>
                </a:path>
                <a:path w="5085715" h="1377950">
                  <a:moveTo>
                    <a:pt x="3476244" y="0"/>
                  </a:moveTo>
                  <a:lnTo>
                    <a:pt x="3438144" y="0"/>
                  </a:lnTo>
                  <a:lnTo>
                    <a:pt x="3438144" y="9143"/>
                  </a:lnTo>
                  <a:lnTo>
                    <a:pt x="3476244" y="9143"/>
                  </a:lnTo>
                  <a:lnTo>
                    <a:pt x="3476244" y="0"/>
                  </a:lnTo>
                  <a:close/>
                </a:path>
                <a:path w="5085715" h="1377950">
                  <a:moveTo>
                    <a:pt x="3543300" y="0"/>
                  </a:moveTo>
                  <a:lnTo>
                    <a:pt x="3505200" y="0"/>
                  </a:lnTo>
                  <a:lnTo>
                    <a:pt x="3505200" y="9143"/>
                  </a:lnTo>
                  <a:lnTo>
                    <a:pt x="3543300" y="9143"/>
                  </a:lnTo>
                  <a:lnTo>
                    <a:pt x="3543300" y="0"/>
                  </a:lnTo>
                  <a:close/>
                </a:path>
                <a:path w="5085715" h="1377950">
                  <a:moveTo>
                    <a:pt x="3608832" y="0"/>
                  </a:moveTo>
                  <a:lnTo>
                    <a:pt x="3570732" y="0"/>
                  </a:lnTo>
                  <a:lnTo>
                    <a:pt x="3570732" y="9143"/>
                  </a:lnTo>
                  <a:lnTo>
                    <a:pt x="3608832" y="9143"/>
                  </a:lnTo>
                  <a:lnTo>
                    <a:pt x="3608832" y="0"/>
                  </a:lnTo>
                  <a:close/>
                </a:path>
                <a:path w="5085715" h="1377950">
                  <a:moveTo>
                    <a:pt x="3675888" y="0"/>
                  </a:moveTo>
                  <a:lnTo>
                    <a:pt x="3637788" y="0"/>
                  </a:lnTo>
                  <a:lnTo>
                    <a:pt x="3637788" y="9143"/>
                  </a:lnTo>
                  <a:lnTo>
                    <a:pt x="3675888" y="9143"/>
                  </a:lnTo>
                  <a:lnTo>
                    <a:pt x="3675888" y="0"/>
                  </a:lnTo>
                  <a:close/>
                </a:path>
                <a:path w="5085715" h="1377950">
                  <a:moveTo>
                    <a:pt x="3742944" y="0"/>
                  </a:moveTo>
                  <a:lnTo>
                    <a:pt x="3704844" y="0"/>
                  </a:lnTo>
                  <a:lnTo>
                    <a:pt x="3704844" y="9143"/>
                  </a:lnTo>
                  <a:lnTo>
                    <a:pt x="3742944" y="9143"/>
                  </a:lnTo>
                  <a:lnTo>
                    <a:pt x="3742944" y="0"/>
                  </a:lnTo>
                  <a:close/>
                </a:path>
                <a:path w="5085715" h="1377950">
                  <a:moveTo>
                    <a:pt x="3810000" y="0"/>
                  </a:moveTo>
                  <a:lnTo>
                    <a:pt x="3771900" y="0"/>
                  </a:lnTo>
                  <a:lnTo>
                    <a:pt x="3771900" y="9143"/>
                  </a:lnTo>
                  <a:lnTo>
                    <a:pt x="3810000" y="9143"/>
                  </a:lnTo>
                  <a:lnTo>
                    <a:pt x="3810000" y="0"/>
                  </a:lnTo>
                  <a:close/>
                </a:path>
                <a:path w="5085715" h="1377950">
                  <a:moveTo>
                    <a:pt x="3875532" y="0"/>
                  </a:moveTo>
                  <a:lnTo>
                    <a:pt x="3837432" y="0"/>
                  </a:lnTo>
                  <a:lnTo>
                    <a:pt x="3837432" y="9143"/>
                  </a:lnTo>
                  <a:lnTo>
                    <a:pt x="3875532" y="9143"/>
                  </a:lnTo>
                  <a:lnTo>
                    <a:pt x="3875532" y="0"/>
                  </a:lnTo>
                  <a:close/>
                </a:path>
                <a:path w="5085715" h="1377950">
                  <a:moveTo>
                    <a:pt x="3942588" y="0"/>
                  </a:moveTo>
                  <a:lnTo>
                    <a:pt x="3904488" y="0"/>
                  </a:lnTo>
                  <a:lnTo>
                    <a:pt x="3904488" y="9143"/>
                  </a:lnTo>
                  <a:lnTo>
                    <a:pt x="3942588" y="9143"/>
                  </a:lnTo>
                  <a:lnTo>
                    <a:pt x="3942588" y="0"/>
                  </a:lnTo>
                  <a:close/>
                </a:path>
                <a:path w="5085715" h="1377950">
                  <a:moveTo>
                    <a:pt x="4009644" y="0"/>
                  </a:moveTo>
                  <a:lnTo>
                    <a:pt x="3971544" y="0"/>
                  </a:lnTo>
                  <a:lnTo>
                    <a:pt x="3971544" y="9143"/>
                  </a:lnTo>
                  <a:lnTo>
                    <a:pt x="4009644" y="9143"/>
                  </a:lnTo>
                  <a:lnTo>
                    <a:pt x="4009644" y="0"/>
                  </a:lnTo>
                  <a:close/>
                </a:path>
                <a:path w="5085715" h="1377950">
                  <a:moveTo>
                    <a:pt x="4076700" y="0"/>
                  </a:moveTo>
                  <a:lnTo>
                    <a:pt x="4038600" y="0"/>
                  </a:lnTo>
                  <a:lnTo>
                    <a:pt x="4038600" y="9143"/>
                  </a:lnTo>
                  <a:lnTo>
                    <a:pt x="4076700" y="9143"/>
                  </a:lnTo>
                  <a:lnTo>
                    <a:pt x="4076700" y="0"/>
                  </a:lnTo>
                  <a:close/>
                </a:path>
                <a:path w="5085715" h="1377950">
                  <a:moveTo>
                    <a:pt x="4142232" y="0"/>
                  </a:moveTo>
                  <a:lnTo>
                    <a:pt x="4104132" y="0"/>
                  </a:lnTo>
                  <a:lnTo>
                    <a:pt x="4104132" y="9143"/>
                  </a:lnTo>
                  <a:lnTo>
                    <a:pt x="4142232" y="9143"/>
                  </a:lnTo>
                  <a:lnTo>
                    <a:pt x="4142232" y="0"/>
                  </a:lnTo>
                  <a:close/>
                </a:path>
                <a:path w="5085715" h="1377950">
                  <a:moveTo>
                    <a:pt x="4209288" y="0"/>
                  </a:moveTo>
                  <a:lnTo>
                    <a:pt x="4171188" y="0"/>
                  </a:lnTo>
                  <a:lnTo>
                    <a:pt x="4171188" y="9143"/>
                  </a:lnTo>
                  <a:lnTo>
                    <a:pt x="4209288" y="9143"/>
                  </a:lnTo>
                  <a:lnTo>
                    <a:pt x="4209288" y="0"/>
                  </a:lnTo>
                  <a:close/>
                </a:path>
                <a:path w="5085715" h="1377950">
                  <a:moveTo>
                    <a:pt x="4276344" y="0"/>
                  </a:moveTo>
                  <a:lnTo>
                    <a:pt x="4238244" y="0"/>
                  </a:lnTo>
                  <a:lnTo>
                    <a:pt x="4238244" y="9143"/>
                  </a:lnTo>
                  <a:lnTo>
                    <a:pt x="4276344" y="9143"/>
                  </a:lnTo>
                  <a:lnTo>
                    <a:pt x="4276344" y="0"/>
                  </a:lnTo>
                  <a:close/>
                </a:path>
                <a:path w="5085715" h="1377950">
                  <a:moveTo>
                    <a:pt x="4343400" y="0"/>
                  </a:moveTo>
                  <a:lnTo>
                    <a:pt x="4305300" y="0"/>
                  </a:lnTo>
                  <a:lnTo>
                    <a:pt x="4305300" y="9143"/>
                  </a:lnTo>
                  <a:lnTo>
                    <a:pt x="4343400" y="9143"/>
                  </a:lnTo>
                  <a:lnTo>
                    <a:pt x="4343400" y="0"/>
                  </a:lnTo>
                  <a:close/>
                </a:path>
                <a:path w="5085715" h="1377950">
                  <a:moveTo>
                    <a:pt x="4408932" y="0"/>
                  </a:moveTo>
                  <a:lnTo>
                    <a:pt x="4370832" y="0"/>
                  </a:lnTo>
                  <a:lnTo>
                    <a:pt x="4370832" y="9143"/>
                  </a:lnTo>
                  <a:lnTo>
                    <a:pt x="4408932" y="9143"/>
                  </a:lnTo>
                  <a:lnTo>
                    <a:pt x="4408932" y="0"/>
                  </a:lnTo>
                  <a:close/>
                </a:path>
                <a:path w="5085715" h="1377950">
                  <a:moveTo>
                    <a:pt x="4475988" y="0"/>
                  </a:moveTo>
                  <a:lnTo>
                    <a:pt x="4437888" y="0"/>
                  </a:lnTo>
                  <a:lnTo>
                    <a:pt x="4437888" y="9143"/>
                  </a:lnTo>
                  <a:lnTo>
                    <a:pt x="4475988" y="9143"/>
                  </a:lnTo>
                  <a:lnTo>
                    <a:pt x="4475988" y="0"/>
                  </a:lnTo>
                  <a:close/>
                </a:path>
                <a:path w="5085715" h="1377950">
                  <a:moveTo>
                    <a:pt x="4543044" y="0"/>
                  </a:moveTo>
                  <a:lnTo>
                    <a:pt x="4504944" y="0"/>
                  </a:lnTo>
                  <a:lnTo>
                    <a:pt x="4504944" y="9143"/>
                  </a:lnTo>
                  <a:lnTo>
                    <a:pt x="4543044" y="9143"/>
                  </a:lnTo>
                  <a:lnTo>
                    <a:pt x="4543044" y="0"/>
                  </a:lnTo>
                  <a:close/>
                </a:path>
                <a:path w="5085715" h="1377950">
                  <a:moveTo>
                    <a:pt x="4610100" y="0"/>
                  </a:moveTo>
                  <a:lnTo>
                    <a:pt x="4572000" y="0"/>
                  </a:lnTo>
                  <a:lnTo>
                    <a:pt x="4572000" y="9143"/>
                  </a:lnTo>
                  <a:lnTo>
                    <a:pt x="4610100" y="9143"/>
                  </a:lnTo>
                  <a:lnTo>
                    <a:pt x="4610100" y="0"/>
                  </a:lnTo>
                  <a:close/>
                </a:path>
                <a:path w="5085715" h="1377950">
                  <a:moveTo>
                    <a:pt x="4675632" y="0"/>
                  </a:moveTo>
                  <a:lnTo>
                    <a:pt x="4637532" y="0"/>
                  </a:lnTo>
                  <a:lnTo>
                    <a:pt x="4637532" y="9143"/>
                  </a:lnTo>
                  <a:lnTo>
                    <a:pt x="4675632" y="9143"/>
                  </a:lnTo>
                  <a:lnTo>
                    <a:pt x="4675632" y="0"/>
                  </a:lnTo>
                  <a:close/>
                </a:path>
                <a:path w="5085715" h="1377950">
                  <a:moveTo>
                    <a:pt x="4742688" y="0"/>
                  </a:moveTo>
                  <a:lnTo>
                    <a:pt x="4704588" y="0"/>
                  </a:lnTo>
                  <a:lnTo>
                    <a:pt x="4704588" y="9143"/>
                  </a:lnTo>
                  <a:lnTo>
                    <a:pt x="4742688" y="9143"/>
                  </a:lnTo>
                  <a:lnTo>
                    <a:pt x="4742688" y="0"/>
                  </a:lnTo>
                  <a:close/>
                </a:path>
                <a:path w="5085715" h="1377950">
                  <a:moveTo>
                    <a:pt x="4809744" y="0"/>
                  </a:moveTo>
                  <a:lnTo>
                    <a:pt x="4771644" y="0"/>
                  </a:lnTo>
                  <a:lnTo>
                    <a:pt x="4771644" y="9143"/>
                  </a:lnTo>
                  <a:lnTo>
                    <a:pt x="4809744" y="9143"/>
                  </a:lnTo>
                  <a:lnTo>
                    <a:pt x="4809744" y="0"/>
                  </a:lnTo>
                  <a:close/>
                </a:path>
                <a:path w="5085715" h="1377950">
                  <a:moveTo>
                    <a:pt x="4876800" y="0"/>
                  </a:moveTo>
                  <a:lnTo>
                    <a:pt x="4838700" y="0"/>
                  </a:lnTo>
                  <a:lnTo>
                    <a:pt x="4838700" y="9143"/>
                  </a:lnTo>
                  <a:lnTo>
                    <a:pt x="4876800" y="9143"/>
                  </a:lnTo>
                  <a:lnTo>
                    <a:pt x="4876800" y="0"/>
                  </a:lnTo>
                  <a:close/>
                </a:path>
                <a:path w="5085715" h="1377950">
                  <a:moveTo>
                    <a:pt x="4942332" y="0"/>
                  </a:moveTo>
                  <a:lnTo>
                    <a:pt x="4904232" y="0"/>
                  </a:lnTo>
                  <a:lnTo>
                    <a:pt x="4904232" y="9143"/>
                  </a:lnTo>
                  <a:lnTo>
                    <a:pt x="4942332" y="9143"/>
                  </a:lnTo>
                  <a:lnTo>
                    <a:pt x="4942332" y="0"/>
                  </a:lnTo>
                  <a:close/>
                </a:path>
                <a:path w="5085715" h="1377950">
                  <a:moveTo>
                    <a:pt x="5009388" y="0"/>
                  </a:moveTo>
                  <a:lnTo>
                    <a:pt x="4971288" y="0"/>
                  </a:lnTo>
                  <a:lnTo>
                    <a:pt x="4971288" y="9143"/>
                  </a:lnTo>
                  <a:lnTo>
                    <a:pt x="5009388" y="9143"/>
                  </a:lnTo>
                  <a:lnTo>
                    <a:pt x="5009388" y="0"/>
                  </a:lnTo>
                  <a:close/>
                </a:path>
                <a:path w="5085715" h="1377950">
                  <a:moveTo>
                    <a:pt x="5076444" y="0"/>
                  </a:moveTo>
                  <a:lnTo>
                    <a:pt x="5038344" y="0"/>
                  </a:lnTo>
                  <a:lnTo>
                    <a:pt x="5038344" y="9143"/>
                  </a:lnTo>
                  <a:lnTo>
                    <a:pt x="5076444" y="9143"/>
                  </a:lnTo>
                  <a:lnTo>
                    <a:pt x="5076444" y="0"/>
                  </a:lnTo>
                  <a:close/>
                </a:path>
                <a:path w="5085715" h="1377950">
                  <a:moveTo>
                    <a:pt x="5085588" y="28956"/>
                  </a:moveTo>
                  <a:lnTo>
                    <a:pt x="5076444" y="28956"/>
                  </a:lnTo>
                  <a:lnTo>
                    <a:pt x="5076444" y="67056"/>
                  </a:lnTo>
                  <a:lnTo>
                    <a:pt x="5085588" y="67056"/>
                  </a:lnTo>
                  <a:lnTo>
                    <a:pt x="5085588" y="28956"/>
                  </a:lnTo>
                  <a:close/>
                </a:path>
                <a:path w="5085715" h="1377950">
                  <a:moveTo>
                    <a:pt x="5085588" y="94487"/>
                  </a:moveTo>
                  <a:lnTo>
                    <a:pt x="5076444" y="94487"/>
                  </a:lnTo>
                  <a:lnTo>
                    <a:pt x="5076444" y="132587"/>
                  </a:lnTo>
                  <a:lnTo>
                    <a:pt x="5085588" y="132587"/>
                  </a:lnTo>
                  <a:lnTo>
                    <a:pt x="5085588" y="94487"/>
                  </a:lnTo>
                  <a:close/>
                </a:path>
                <a:path w="5085715" h="1377950">
                  <a:moveTo>
                    <a:pt x="5085588" y="161544"/>
                  </a:moveTo>
                  <a:lnTo>
                    <a:pt x="5076444" y="161544"/>
                  </a:lnTo>
                  <a:lnTo>
                    <a:pt x="5076444" y="199644"/>
                  </a:lnTo>
                  <a:lnTo>
                    <a:pt x="5085588" y="199644"/>
                  </a:lnTo>
                  <a:lnTo>
                    <a:pt x="5085588" y="161544"/>
                  </a:lnTo>
                  <a:close/>
                </a:path>
                <a:path w="5085715" h="1377950">
                  <a:moveTo>
                    <a:pt x="5085588" y="228600"/>
                  </a:moveTo>
                  <a:lnTo>
                    <a:pt x="5076444" y="228600"/>
                  </a:lnTo>
                  <a:lnTo>
                    <a:pt x="5076444" y="266700"/>
                  </a:lnTo>
                  <a:lnTo>
                    <a:pt x="5085588" y="266700"/>
                  </a:lnTo>
                  <a:lnTo>
                    <a:pt x="5085588" y="228600"/>
                  </a:lnTo>
                  <a:close/>
                </a:path>
                <a:path w="5085715" h="1377950">
                  <a:moveTo>
                    <a:pt x="5085588" y="295656"/>
                  </a:moveTo>
                  <a:lnTo>
                    <a:pt x="5076444" y="295656"/>
                  </a:lnTo>
                  <a:lnTo>
                    <a:pt x="5076444" y="333756"/>
                  </a:lnTo>
                  <a:lnTo>
                    <a:pt x="5085588" y="333756"/>
                  </a:lnTo>
                  <a:lnTo>
                    <a:pt x="5085588" y="295656"/>
                  </a:lnTo>
                  <a:close/>
                </a:path>
                <a:path w="5085715" h="1377950">
                  <a:moveTo>
                    <a:pt x="5085588" y="361188"/>
                  </a:moveTo>
                  <a:lnTo>
                    <a:pt x="5076444" y="361188"/>
                  </a:lnTo>
                  <a:lnTo>
                    <a:pt x="5076444" y="399288"/>
                  </a:lnTo>
                  <a:lnTo>
                    <a:pt x="5085588" y="399288"/>
                  </a:lnTo>
                  <a:lnTo>
                    <a:pt x="5085588" y="361188"/>
                  </a:lnTo>
                  <a:close/>
                </a:path>
                <a:path w="5085715" h="1377950">
                  <a:moveTo>
                    <a:pt x="5085588" y="428244"/>
                  </a:moveTo>
                  <a:lnTo>
                    <a:pt x="5076444" y="428244"/>
                  </a:lnTo>
                  <a:lnTo>
                    <a:pt x="5076444" y="466344"/>
                  </a:lnTo>
                  <a:lnTo>
                    <a:pt x="5085588" y="466344"/>
                  </a:lnTo>
                  <a:lnTo>
                    <a:pt x="5085588" y="428244"/>
                  </a:lnTo>
                  <a:close/>
                </a:path>
                <a:path w="5085715" h="1377950">
                  <a:moveTo>
                    <a:pt x="5085588" y="495300"/>
                  </a:moveTo>
                  <a:lnTo>
                    <a:pt x="5076444" y="495300"/>
                  </a:lnTo>
                  <a:lnTo>
                    <a:pt x="5076444" y="533400"/>
                  </a:lnTo>
                  <a:lnTo>
                    <a:pt x="5085588" y="533400"/>
                  </a:lnTo>
                  <a:lnTo>
                    <a:pt x="5085588" y="495300"/>
                  </a:lnTo>
                  <a:close/>
                </a:path>
                <a:path w="5085715" h="1377950">
                  <a:moveTo>
                    <a:pt x="5085588" y="562356"/>
                  </a:moveTo>
                  <a:lnTo>
                    <a:pt x="5076444" y="562356"/>
                  </a:lnTo>
                  <a:lnTo>
                    <a:pt x="5076444" y="600456"/>
                  </a:lnTo>
                  <a:lnTo>
                    <a:pt x="5085588" y="600456"/>
                  </a:lnTo>
                  <a:lnTo>
                    <a:pt x="5085588" y="562356"/>
                  </a:lnTo>
                  <a:close/>
                </a:path>
                <a:path w="5085715" h="1377950">
                  <a:moveTo>
                    <a:pt x="5085588" y="627888"/>
                  </a:moveTo>
                  <a:lnTo>
                    <a:pt x="5076444" y="627888"/>
                  </a:lnTo>
                  <a:lnTo>
                    <a:pt x="5076444" y="665988"/>
                  </a:lnTo>
                  <a:lnTo>
                    <a:pt x="5085588" y="665988"/>
                  </a:lnTo>
                  <a:lnTo>
                    <a:pt x="5085588" y="627888"/>
                  </a:lnTo>
                  <a:close/>
                </a:path>
                <a:path w="5085715" h="1377950">
                  <a:moveTo>
                    <a:pt x="5085588" y="694944"/>
                  </a:moveTo>
                  <a:lnTo>
                    <a:pt x="5076444" y="694944"/>
                  </a:lnTo>
                  <a:lnTo>
                    <a:pt x="5076444" y="733044"/>
                  </a:lnTo>
                  <a:lnTo>
                    <a:pt x="5085588" y="733044"/>
                  </a:lnTo>
                  <a:lnTo>
                    <a:pt x="5085588" y="694944"/>
                  </a:lnTo>
                  <a:close/>
                </a:path>
                <a:path w="5085715" h="1377950">
                  <a:moveTo>
                    <a:pt x="5085588" y="762000"/>
                  </a:moveTo>
                  <a:lnTo>
                    <a:pt x="5076444" y="762000"/>
                  </a:lnTo>
                  <a:lnTo>
                    <a:pt x="5076444" y="800100"/>
                  </a:lnTo>
                  <a:lnTo>
                    <a:pt x="5085588" y="800100"/>
                  </a:lnTo>
                  <a:lnTo>
                    <a:pt x="5085588" y="762000"/>
                  </a:lnTo>
                  <a:close/>
                </a:path>
                <a:path w="5085715" h="1377950">
                  <a:moveTo>
                    <a:pt x="5085588" y="829056"/>
                  </a:moveTo>
                  <a:lnTo>
                    <a:pt x="5076444" y="829056"/>
                  </a:lnTo>
                  <a:lnTo>
                    <a:pt x="5076444" y="867156"/>
                  </a:lnTo>
                  <a:lnTo>
                    <a:pt x="5085588" y="867156"/>
                  </a:lnTo>
                  <a:lnTo>
                    <a:pt x="5085588" y="829056"/>
                  </a:lnTo>
                  <a:close/>
                </a:path>
                <a:path w="5085715" h="1377950">
                  <a:moveTo>
                    <a:pt x="5085588" y="894588"/>
                  </a:moveTo>
                  <a:lnTo>
                    <a:pt x="5076444" y="894588"/>
                  </a:lnTo>
                  <a:lnTo>
                    <a:pt x="5076444" y="932688"/>
                  </a:lnTo>
                  <a:lnTo>
                    <a:pt x="5085588" y="932688"/>
                  </a:lnTo>
                  <a:lnTo>
                    <a:pt x="5085588" y="894588"/>
                  </a:lnTo>
                  <a:close/>
                </a:path>
                <a:path w="5085715" h="1377950">
                  <a:moveTo>
                    <a:pt x="5085588" y="961644"/>
                  </a:moveTo>
                  <a:lnTo>
                    <a:pt x="5076444" y="961644"/>
                  </a:lnTo>
                  <a:lnTo>
                    <a:pt x="5076444" y="999744"/>
                  </a:lnTo>
                  <a:lnTo>
                    <a:pt x="5085588" y="999744"/>
                  </a:lnTo>
                  <a:lnTo>
                    <a:pt x="5085588" y="961644"/>
                  </a:lnTo>
                  <a:close/>
                </a:path>
                <a:path w="5085715" h="1377950">
                  <a:moveTo>
                    <a:pt x="5085588" y="1028700"/>
                  </a:moveTo>
                  <a:lnTo>
                    <a:pt x="5076444" y="1028700"/>
                  </a:lnTo>
                  <a:lnTo>
                    <a:pt x="5076444" y="1066800"/>
                  </a:lnTo>
                  <a:lnTo>
                    <a:pt x="5085588" y="1066800"/>
                  </a:lnTo>
                  <a:lnTo>
                    <a:pt x="5085588" y="1028700"/>
                  </a:lnTo>
                  <a:close/>
                </a:path>
                <a:path w="5085715" h="1377950">
                  <a:moveTo>
                    <a:pt x="5085588" y="1095756"/>
                  </a:moveTo>
                  <a:lnTo>
                    <a:pt x="5076444" y="1095756"/>
                  </a:lnTo>
                  <a:lnTo>
                    <a:pt x="5076444" y="1133856"/>
                  </a:lnTo>
                  <a:lnTo>
                    <a:pt x="5085588" y="1133856"/>
                  </a:lnTo>
                  <a:lnTo>
                    <a:pt x="5085588" y="1095756"/>
                  </a:lnTo>
                  <a:close/>
                </a:path>
                <a:path w="5085715" h="1377950">
                  <a:moveTo>
                    <a:pt x="5085588" y="1161288"/>
                  </a:moveTo>
                  <a:lnTo>
                    <a:pt x="5076444" y="1161288"/>
                  </a:lnTo>
                  <a:lnTo>
                    <a:pt x="5076444" y="1199388"/>
                  </a:lnTo>
                  <a:lnTo>
                    <a:pt x="5085588" y="1199388"/>
                  </a:lnTo>
                  <a:lnTo>
                    <a:pt x="5085588" y="1161288"/>
                  </a:lnTo>
                  <a:close/>
                </a:path>
                <a:path w="5085715" h="1377950">
                  <a:moveTo>
                    <a:pt x="5085588" y="1228344"/>
                  </a:moveTo>
                  <a:lnTo>
                    <a:pt x="5076444" y="1228344"/>
                  </a:lnTo>
                  <a:lnTo>
                    <a:pt x="5076444" y="1266444"/>
                  </a:lnTo>
                  <a:lnTo>
                    <a:pt x="5085588" y="1266444"/>
                  </a:lnTo>
                  <a:lnTo>
                    <a:pt x="5085588" y="1228344"/>
                  </a:lnTo>
                  <a:close/>
                </a:path>
                <a:path w="5085715" h="1377950">
                  <a:moveTo>
                    <a:pt x="5085588" y="1295400"/>
                  </a:moveTo>
                  <a:lnTo>
                    <a:pt x="5076444" y="1295400"/>
                  </a:lnTo>
                  <a:lnTo>
                    <a:pt x="5076444" y="1333500"/>
                  </a:lnTo>
                  <a:lnTo>
                    <a:pt x="5085588" y="1333500"/>
                  </a:lnTo>
                  <a:lnTo>
                    <a:pt x="5085588" y="1295400"/>
                  </a:lnTo>
                  <a:close/>
                </a:path>
                <a:path w="5085715" h="1377950">
                  <a:moveTo>
                    <a:pt x="5076444" y="1367028"/>
                  </a:moveTo>
                  <a:lnTo>
                    <a:pt x="5053584" y="1367028"/>
                  </a:lnTo>
                  <a:lnTo>
                    <a:pt x="5053584" y="1377696"/>
                  </a:lnTo>
                  <a:lnTo>
                    <a:pt x="5084064" y="1377696"/>
                  </a:lnTo>
                  <a:lnTo>
                    <a:pt x="5085588" y="1374648"/>
                  </a:lnTo>
                  <a:lnTo>
                    <a:pt x="5085588" y="1371600"/>
                  </a:lnTo>
                  <a:lnTo>
                    <a:pt x="5076444" y="1371600"/>
                  </a:lnTo>
                  <a:lnTo>
                    <a:pt x="5076444" y="1367028"/>
                  </a:lnTo>
                  <a:close/>
                </a:path>
                <a:path w="5085715" h="1377950">
                  <a:moveTo>
                    <a:pt x="5085588" y="1362456"/>
                  </a:moveTo>
                  <a:lnTo>
                    <a:pt x="5076444" y="1362456"/>
                  </a:lnTo>
                  <a:lnTo>
                    <a:pt x="5076444" y="1371600"/>
                  </a:lnTo>
                  <a:lnTo>
                    <a:pt x="5081016" y="1367028"/>
                  </a:lnTo>
                  <a:lnTo>
                    <a:pt x="5085588" y="1367028"/>
                  </a:lnTo>
                  <a:lnTo>
                    <a:pt x="5085588" y="1362456"/>
                  </a:lnTo>
                  <a:close/>
                </a:path>
                <a:path w="5085715" h="1377950">
                  <a:moveTo>
                    <a:pt x="5085588" y="1367028"/>
                  </a:moveTo>
                  <a:lnTo>
                    <a:pt x="5081016" y="1367028"/>
                  </a:lnTo>
                  <a:lnTo>
                    <a:pt x="5076444" y="1371600"/>
                  </a:lnTo>
                  <a:lnTo>
                    <a:pt x="5085588" y="1371600"/>
                  </a:lnTo>
                  <a:lnTo>
                    <a:pt x="5085588" y="1367028"/>
                  </a:lnTo>
                  <a:close/>
                </a:path>
                <a:path w="5085715" h="1377950">
                  <a:moveTo>
                    <a:pt x="5024628" y="1367028"/>
                  </a:moveTo>
                  <a:lnTo>
                    <a:pt x="4986528" y="1367028"/>
                  </a:lnTo>
                  <a:lnTo>
                    <a:pt x="4986528" y="1377696"/>
                  </a:lnTo>
                  <a:lnTo>
                    <a:pt x="5024628" y="1377696"/>
                  </a:lnTo>
                  <a:lnTo>
                    <a:pt x="5024628" y="1367028"/>
                  </a:lnTo>
                  <a:close/>
                </a:path>
                <a:path w="5085715" h="1377950">
                  <a:moveTo>
                    <a:pt x="4957572" y="1367028"/>
                  </a:moveTo>
                  <a:lnTo>
                    <a:pt x="4919472" y="1367028"/>
                  </a:lnTo>
                  <a:lnTo>
                    <a:pt x="4919472" y="1377696"/>
                  </a:lnTo>
                  <a:lnTo>
                    <a:pt x="4957572" y="1377696"/>
                  </a:lnTo>
                  <a:lnTo>
                    <a:pt x="4957572" y="1367028"/>
                  </a:lnTo>
                  <a:close/>
                </a:path>
                <a:path w="5085715" h="1377950">
                  <a:moveTo>
                    <a:pt x="4892040" y="1367028"/>
                  </a:moveTo>
                  <a:lnTo>
                    <a:pt x="4853940" y="1367028"/>
                  </a:lnTo>
                  <a:lnTo>
                    <a:pt x="4853940" y="1377696"/>
                  </a:lnTo>
                  <a:lnTo>
                    <a:pt x="4892040" y="1377696"/>
                  </a:lnTo>
                  <a:lnTo>
                    <a:pt x="4892040" y="1367028"/>
                  </a:lnTo>
                  <a:close/>
                </a:path>
                <a:path w="5085715" h="1377950">
                  <a:moveTo>
                    <a:pt x="4824984" y="1367028"/>
                  </a:moveTo>
                  <a:lnTo>
                    <a:pt x="4786884" y="1367028"/>
                  </a:lnTo>
                  <a:lnTo>
                    <a:pt x="4786884" y="1377696"/>
                  </a:lnTo>
                  <a:lnTo>
                    <a:pt x="4824984" y="1377696"/>
                  </a:lnTo>
                  <a:lnTo>
                    <a:pt x="4824984" y="1367028"/>
                  </a:lnTo>
                  <a:close/>
                </a:path>
                <a:path w="5085715" h="1377950">
                  <a:moveTo>
                    <a:pt x="4757928" y="1367028"/>
                  </a:moveTo>
                  <a:lnTo>
                    <a:pt x="4719828" y="1367028"/>
                  </a:lnTo>
                  <a:lnTo>
                    <a:pt x="4719828" y="1377696"/>
                  </a:lnTo>
                  <a:lnTo>
                    <a:pt x="4757928" y="1377696"/>
                  </a:lnTo>
                  <a:lnTo>
                    <a:pt x="4757928" y="1367028"/>
                  </a:lnTo>
                  <a:close/>
                </a:path>
                <a:path w="5085715" h="1377950">
                  <a:moveTo>
                    <a:pt x="4690872" y="1367028"/>
                  </a:moveTo>
                  <a:lnTo>
                    <a:pt x="4652772" y="1367028"/>
                  </a:lnTo>
                  <a:lnTo>
                    <a:pt x="4652772" y="1377696"/>
                  </a:lnTo>
                  <a:lnTo>
                    <a:pt x="4690872" y="1377696"/>
                  </a:lnTo>
                  <a:lnTo>
                    <a:pt x="4690872" y="1367028"/>
                  </a:lnTo>
                  <a:close/>
                </a:path>
                <a:path w="5085715" h="1377950">
                  <a:moveTo>
                    <a:pt x="4625340" y="1367028"/>
                  </a:moveTo>
                  <a:lnTo>
                    <a:pt x="4587240" y="1367028"/>
                  </a:lnTo>
                  <a:lnTo>
                    <a:pt x="4587240" y="1377696"/>
                  </a:lnTo>
                  <a:lnTo>
                    <a:pt x="4625340" y="1377696"/>
                  </a:lnTo>
                  <a:lnTo>
                    <a:pt x="4625340" y="1367028"/>
                  </a:lnTo>
                  <a:close/>
                </a:path>
                <a:path w="5085715" h="1377950">
                  <a:moveTo>
                    <a:pt x="4558284" y="1367028"/>
                  </a:moveTo>
                  <a:lnTo>
                    <a:pt x="4520184" y="1367028"/>
                  </a:lnTo>
                  <a:lnTo>
                    <a:pt x="4520184" y="1377696"/>
                  </a:lnTo>
                  <a:lnTo>
                    <a:pt x="4558284" y="1377696"/>
                  </a:lnTo>
                  <a:lnTo>
                    <a:pt x="4558284" y="1367028"/>
                  </a:lnTo>
                  <a:close/>
                </a:path>
                <a:path w="5085715" h="1377950">
                  <a:moveTo>
                    <a:pt x="4491228" y="1367028"/>
                  </a:moveTo>
                  <a:lnTo>
                    <a:pt x="4453128" y="1367028"/>
                  </a:lnTo>
                  <a:lnTo>
                    <a:pt x="4453128" y="1377696"/>
                  </a:lnTo>
                  <a:lnTo>
                    <a:pt x="4491228" y="1377696"/>
                  </a:lnTo>
                  <a:lnTo>
                    <a:pt x="4491228" y="1367028"/>
                  </a:lnTo>
                  <a:close/>
                </a:path>
                <a:path w="5085715" h="1377950">
                  <a:moveTo>
                    <a:pt x="4424172" y="1367028"/>
                  </a:moveTo>
                  <a:lnTo>
                    <a:pt x="4386072" y="1367028"/>
                  </a:lnTo>
                  <a:lnTo>
                    <a:pt x="4386072" y="1377696"/>
                  </a:lnTo>
                  <a:lnTo>
                    <a:pt x="4424172" y="1377696"/>
                  </a:lnTo>
                  <a:lnTo>
                    <a:pt x="4424172" y="1367028"/>
                  </a:lnTo>
                  <a:close/>
                </a:path>
                <a:path w="5085715" h="1377950">
                  <a:moveTo>
                    <a:pt x="4358640" y="1367028"/>
                  </a:moveTo>
                  <a:lnTo>
                    <a:pt x="4320540" y="1367028"/>
                  </a:lnTo>
                  <a:lnTo>
                    <a:pt x="4320540" y="1377696"/>
                  </a:lnTo>
                  <a:lnTo>
                    <a:pt x="4358640" y="1377696"/>
                  </a:lnTo>
                  <a:lnTo>
                    <a:pt x="4358640" y="1367028"/>
                  </a:lnTo>
                  <a:close/>
                </a:path>
                <a:path w="5085715" h="1377950">
                  <a:moveTo>
                    <a:pt x="4291584" y="1367028"/>
                  </a:moveTo>
                  <a:lnTo>
                    <a:pt x="4253484" y="1367028"/>
                  </a:lnTo>
                  <a:lnTo>
                    <a:pt x="4253484" y="1377696"/>
                  </a:lnTo>
                  <a:lnTo>
                    <a:pt x="4291584" y="1377696"/>
                  </a:lnTo>
                  <a:lnTo>
                    <a:pt x="4291584" y="1367028"/>
                  </a:lnTo>
                  <a:close/>
                </a:path>
                <a:path w="5085715" h="1377950">
                  <a:moveTo>
                    <a:pt x="4224528" y="1367028"/>
                  </a:moveTo>
                  <a:lnTo>
                    <a:pt x="4186428" y="1367028"/>
                  </a:lnTo>
                  <a:lnTo>
                    <a:pt x="4186428" y="1377696"/>
                  </a:lnTo>
                  <a:lnTo>
                    <a:pt x="4224528" y="1377696"/>
                  </a:lnTo>
                  <a:lnTo>
                    <a:pt x="4224528" y="1367028"/>
                  </a:lnTo>
                  <a:close/>
                </a:path>
                <a:path w="5085715" h="1377950">
                  <a:moveTo>
                    <a:pt x="4157472" y="1367028"/>
                  </a:moveTo>
                  <a:lnTo>
                    <a:pt x="4119372" y="1367028"/>
                  </a:lnTo>
                  <a:lnTo>
                    <a:pt x="4119372" y="1377696"/>
                  </a:lnTo>
                  <a:lnTo>
                    <a:pt x="4157472" y="1377696"/>
                  </a:lnTo>
                  <a:lnTo>
                    <a:pt x="4157472" y="1367028"/>
                  </a:lnTo>
                  <a:close/>
                </a:path>
                <a:path w="5085715" h="1377950">
                  <a:moveTo>
                    <a:pt x="4091940" y="1367028"/>
                  </a:moveTo>
                  <a:lnTo>
                    <a:pt x="4053840" y="1367028"/>
                  </a:lnTo>
                  <a:lnTo>
                    <a:pt x="4053840" y="1377696"/>
                  </a:lnTo>
                  <a:lnTo>
                    <a:pt x="4091940" y="1377696"/>
                  </a:lnTo>
                  <a:lnTo>
                    <a:pt x="4091940" y="1367028"/>
                  </a:lnTo>
                  <a:close/>
                </a:path>
                <a:path w="5085715" h="1377950">
                  <a:moveTo>
                    <a:pt x="4024884" y="1367028"/>
                  </a:moveTo>
                  <a:lnTo>
                    <a:pt x="3986784" y="1367028"/>
                  </a:lnTo>
                  <a:lnTo>
                    <a:pt x="3986784" y="1377696"/>
                  </a:lnTo>
                  <a:lnTo>
                    <a:pt x="4024884" y="1377696"/>
                  </a:lnTo>
                  <a:lnTo>
                    <a:pt x="4024884" y="1367028"/>
                  </a:lnTo>
                  <a:close/>
                </a:path>
                <a:path w="5085715" h="1377950">
                  <a:moveTo>
                    <a:pt x="3957828" y="1367028"/>
                  </a:moveTo>
                  <a:lnTo>
                    <a:pt x="3919728" y="1367028"/>
                  </a:lnTo>
                  <a:lnTo>
                    <a:pt x="3919728" y="1377696"/>
                  </a:lnTo>
                  <a:lnTo>
                    <a:pt x="3957828" y="1377696"/>
                  </a:lnTo>
                  <a:lnTo>
                    <a:pt x="3957828" y="1367028"/>
                  </a:lnTo>
                  <a:close/>
                </a:path>
                <a:path w="5085715" h="1377950">
                  <a:moveTo>
                    <a:pt x="3890772" y="1367028"/>
                  </a:moveTo>
                  <a:lnTo>
                    <a:pt x="3852672" y="1367028"/>
                  </a:lnTo>
                  <a:lnTo>
                    <a:pt x="3852672" y="1377696"/>
                  </a:lnTo>
                  <a:lnTo>
                    <a:pt x="3890772" y="1377696"/>
                  </a:lnTo>
                  <a:lnTo>
                    <a:pt x="3890772" y="1367028"/>
                  </a:lnTo>
                  <a:close/>
                </a:path>
                <a:path w="5085715" h="1377950">
                  <a:moveTo>
                    <a:pt x="3825240" y="1367028"/>
                  </a:moveTo>
                  <a:lnTo>
                    <a:pt x="3787140" y="1367028"/>
                  </a:lnTo>
                  <a:lnTo>
                    <a:pt x="3787140" y="1377696"/>
                  </a:lnTo>
                  <a:lnTo>
                    <a:pt x="3825240" y="1377696"/>
                  </a:lnTo>
                  <a:lnTo>
                    <a:pt x="3825240" y="1367028"/>
                  </a:lnTo>
                  <a:close/>
                </a:path>
                <a:path w="5085715" h="1377950">
                  <a:moveTo>
                    <a:pt x="3758184" y="1367028"/>
                  </a:moveTo>
                  <a:lnTo>
                    <a:pt x="3720084" y="1367028"/>
                  </a:lnTo>
                  <a:lnTo>
                    <a:pt x="3720084" y="1377696"/>
                  </a:lnTo>
                  <a:lnTo>
                    <a:pt x="3758184" y="1377696"/>
                  </a:lnTo>
                  <a:lnTo>
                    <a:pt x="3758184" y="1367028"/>
                  </a:lnTo>
                  <a:close/>
                </a:path>
                <a:path w="5085715" h="1377950">
                  <a:moveTo>
                    <a:pt x="3691128" y="1367028"/>
                  </a:moveTo>
                  <a:lnTo>
                    <a:pt x="3653028" y="1367028"/>
                  </a:lnTo>
                  <a:lnTo>
                    <a:pt x="3653028" y="1377696"/>
                  </a:lnTo>
                  <a:lnTo>
                    <a:pt x="3691128" y="1377696"/>
                  </a:lnTo>
                  <a:lnTo>
                    <a:pt x="3691128" y="1367028"/>
                  </a:lnTo>
                  <a:close/>
                </a:path>
                <a:path w="5085715" h="1377950">
                  <a:moveTo>
                    <a:pt x="3624072" y="1367028"/>
                  </a:moveTo>
                  <a:lnTo>
                    <a:pt x="3585972" y="1367028"/>
                  </a:lnTo>
                  <a:lnTo>
                    <a:pt x="3585972" y="1377696"/>
                  </a:lnTo>
                  <a:lnTo>
                    <a:pt x="3624072" y="1377696"/>
                  </a:lnTo>
                  <a:lnTo>
                    <a:pt x="3624072" y="1367028"/>
                  </a:lnTo>
                  <a:close/>
                </a:path>
                <a:path w="5085715" h="1377950">
                  <a:moveTo>
                    <a:pt x="3558540" y="1367028"/>
                  </a:moveTo>
                  <a:lnTo>
                    <a:pt x="3520440" y="1367028"/>
                  </a:lnTo>
                  <a:lnTo>
                    <a:pt x="3520440" y="1377696"/>
                  </a:lnTo>
                  <a:lnTo>
                    <a:pt x="3558540" y="1377696"/>
                  </a:lnTo>
                  <a:lnTo>
                    <a:pt x="3558540" y="1367028"/>
                  </a:lnTo>
                  <a:close/>
                </a:path>
                <a:path w="5085715" h="1377950">
                  <a:moveTo>
                    <a:pt x="3491484" y="1367028"/>
                  </a:moveTo>
                  <a:lnTo>
                    <a:pt x="3453384" y="1367028"/>
                  </a:lnTo>
                  <a:lnTo>
                    <a:pt x="3453384" y="1377696"/>
                  </a:lnTo>
                  <a:lnTo>
                    <a:pt x="3491484" y="1377696"/>
                  </a:lnTo>
                  <a:lnTo>
                    <a:pt x="3491484" y="1367028"/>
                  </a:lnTo>
                  <a:close/>
                </a:path>
                <a:path w="5085715" h="1377950">
                  <a:moveTo>
                    <a:pt x="3424428" y="1367028"/>
                  </a:moveTo>
                  <a:lnTo>
                    <a:pt x="3386328" y="1367028"/>
                  </a:lnTo>
                  <a:lnTo>
                    <a:pt x="3386328" y="1377696"/>
                  </a:lnTo>
                  <a:lnTo>
                    <a:pt x="3424428" y="1377696"/>
                  </a:lnTo>
                  <a:lnTo>
                    <a:pt x="3424428" y="1367028"/>
                  </a:lnTo>
                  <a:close/>
                </a:path>
                <a:path w="5085715" h="1377950">
                  <a:moveTo>
                    <a:pt x="3357372" y="1367028"/>
                  </a:moveTo>
                  <a:lnTo>
                    <a:pt x="3319272" y="1367028"/>
                  </a:lnTo>
                  <a:lnTo>
                    <a:pt x="3319272" y="1377696"/>
                  </a:lnTo>
                  <a:lnTo>
                    <a:pt x="3357372" y="1377696"/>
                  </a:lnTo>
                  <a:lnTo>
                    <a:pt x="3357372" y="1367028"/>
                  </a:lnTo>
                  <a:close/>
                </a:path>
                <a:path w="5085715" h="1377950">
                  <a:moveTo>
                    <a:pt x="3291840" y="1367028"/>
                  </a:moveTo>
                  <a:lnTo>
                    <a:pt x="3253740" y="1367028"/>
                  </a:lnTo>
                  <a:lnTo>
                    <a:pt x="3253740" y="1377696"/>
                  </a:lnTo>
                  <a:lnTo>
                    <a:pt x="3291840" y="1377696"/>
                  </a:lnTo>
                  <a:lnTo>
                    <a:pt x="3291840" y="1367028"/>
                  </a:lnTo>
                  <a:close/>
                </a:path>
                <a:path w="5085715" h="1377950">
                  <a:moveTo>
                    <a:pt x="3224784" y="1367028"/>
                  </a:moveTo>
                  <a:lnTo>
                    <a:pt x="3186684" y="1367028"/>
                  </a:lnTo>
                  <a:lnTo>
                    <a:pt x="3186684" y="1377696"/>
                  </a:lnTo>
                  <a:lnTo>
                    <a:pt x="3224784" y="1377696"/>
                  </a:lnTo>
                  <a:lnTo>
                    <a:pt x="3224784" y="1367028"/>
                  </a:lnTo>
                  <a:close/>
                </a:path>
                <a:path w="5085715" h="1377950">
                  <a:moveTo>
                    <a:pt x="3157728" y="1367028"/>
                  </a:moveTo>
                  <a:lnTo>
                    <a:pt x="3119628" y="1367028"/>
                  </a:lnTo>
                  <a:lnTo>
                    <a:pt x="3119628" y="1377696"/>
                  </a:lnTo>
                  <a:lnTo>
                    <a:pt x="3157728" y="1377696"/>
                  </a:lnTo>
                  <a:lnTo>
                    <a:pt x="3157728" y="1367028"/>
                  </a:lnTo>
                  <a:close/>
                </a:path>
                <a:path w="5085715" h="1377950">
                  <a:moveTo>
                    <a:pt x="3090672" y="1367028"/>
                  </a:moveTo>
                  <a:lnTo>
                    <a:pt x="3052572" y="1367028"/>
                  </a:lnTo>
                  <a:lnTo>
                    <a:pt x="3052572" y="1377696"/>
                  </a:lnTo>
                  <a:lnTo>
                    <a:pt x="3090672" y="1377696"/>
                  </a:lnTo>
                  <a:lnTo>
                    <a:pt x="3090672" y="1367028"/>
                  </a:lnTo>
                  <a:close/>
                </a:path>
                <a:path w="5085715" h="1377950">
                  <a:moveTo>
                    <a:pt x="3025140" y="1367028"/>
                  </a:moveTo>
                  <a:lnTo>
                    <a:pt x="2987040" y="1367028"/>
                  </a:lnTo>
                  <a:lnTo>
                    <a:pt x="2987040" y="1377696"/>
                  </a:lnTo>
                  <a:lnTo>
                    <a:pt x="3025140" y="1377696"/>
                  </a:lnTo>
                  <a:lnTo>
                    <a:pt x="3025140" y="1367028"/>
                  </a:lnTo>
                  <a:close/>
                </a:path>
                <a:path w="5085715" h="1377950">
                  <a:moveTo>
                    <a:pt x="2958084" y="1367028"/>
                  </a:moveTo>
                  <a:lnTo>
                    <a:pt x="2919984" y="1367028"/>
                  </a:lnTo>
                  <a:lnTo>
                    <a:pt x="2919984" y="1377696"/>
                  </a:lnTo>
                  <a:lnTo>
                    <a:pt x="2958084" y="1377696"/>
                  </a:lnTo>
                  <a:lnTo>
                    <a:pt x="2958084" y="1367028"/>
                  </a:lnTo>
                  <a:close/>
                </a:path>
                <a:path w="5085715" h="1377950">
                  <a:moveTo>
                    <a:pt x="2891028" y="1367028"/>
                  </a:moveTo>
                  <a:lnTo>
                    <a:pt x="2852928" y="1367028"/>
                  </a:lnTo>
                  <a:lnTo>
                    <a:pt x="2852928" y="1377696"/>
                  </a:lnTo>
                  <a:lnTo>
                    <a:pt x="2891028" y="1377696"/>
                  </a:lnTo>
                  <a:lnTo>
                    <a:pt x="2891028" y="1367028"/>
                  </a:lnTo>
                  <a:close/>
                </a:path>
                <a:path w="5085715" h="1377950">
                  <a:moveTo>
                    <a:pt x="2823972" y="1367028"/>
                  </a:moveTo>
                  <a:lnTo>
                    <a:pt x="2785872" y="1367028"/>
                  </a:lnTo>
                  <a:lnTo>
                    <a:pt x="2785872" y="1377696"/>
                  </a:lnTo>
                  <a:lnTo>
                    <a:pt x="2823972" y="1377696"/>
                  </a:lnTo>
                  <a:lnTo>
                    <a:pt x="2823972" y="1367028"/>
                  </a:lnTo>
                  <a:close/>
                </a:path>
                <a:path w="5085715" h="1377950">
                  <a:moveTo>
                    <a:pt x="2758440" y="1367028"/>
                  </a:moveTo>
                  <a:lnTo>
                    <a:pt x="2720340" y="1367028"/>
                  </a:lnTo>
                  <a:lnTo>
                    <a:pt x="2720340" y="1377696"/>
                  </a:lnTo>
                  <a:lnTo>
                    <a:pt x="2758440" y="1377696"/>
                  </a:lnTo>
                  <a:lnTo>
                    <a:pt x="2758440" y="1367028"/>
                  </a:lnTo>
                  <a:close/>
                </a:path>
                <a:path w="5085715" h="1377950">
                  <a:moveTo>
                    <a:pt x="2691384" y="1367028"/>
                  </a:moveTo>
                  <a:lnTo>
                    <a:pt x="2653284" y="1367028"/>
                  </a:lnTo>
                  <a:lnTo>
                    <a:pt x="2653284" y="1377696"/>
                  </a:lnTo>
                  <a:lnTo>
                    <a:pt x="2691384" y="1377696"/>
                  </a:lnTo>
                  <a:lnTo>
                    <a:pt x="2691384" y="1367028"/>
                  </a:lnTo>
                  <a:close/>
                </a:path>
                <a:path w="5085715" h="1377950">
                  <a:moveTo>
                    <a:pt x="2624328" y="1367028"/>
                  </a:moveTo>
                  <a:lnTo>
                    <a:pt x="2586228" y="1367028"/>
                  </a:lnTo>
                  <a:lnTo>
                    <a:pt x="2586228" y="1377696"/>
                  </a:lnTo>
                  <a:lnTo>
                    <a:pt x="2624328" y="1377696"/>
                  </a:lnTo>
                  <a:lnTo>
                    <a:pt x="2624328" y="1367028"/>
                  </a:lnTo>
                  <a:close/>
                </a:path>
                <a:path w="5085715" h="1377950">
                  <a:moveTo>
                    <a:pt x="2557272" y="1367028"/>
                  </a:moveTo>
                  <a:lnTo>
                    <a:pt x="2519172" y="1367028"/>
                  </a:lnTo>
                  <a:lnTo>
                    <a:pt x="2519172" y="1377696"/>
                  </a:lnTo>
                  <a:lnTo>
                    <a:pt x="2557272" y="1377696"/>
                  </a:lnTo>
                  <a:lnTo>
                    <a:pt x="2557272" y="1367028"/>
                  </a:lnTo>
                  <a:close/>
                </a:path>
                <a:path w="5085715" h="1377950">
                  <a:moveTo>
                    <a:pt x="2491740" y="1367028"/>
                  </a:moveTo>
                  <a:lnTo>
                    <a:pt x="2453640" y="1367028"/>
                  </a:lnTo>
                  <a:lnTo>
                    <a:pt x="2453640" y="1377696"/>
                  </a:lnTo>
                  <a:lnTo>
                    <a:pt x="2491740" y="1377696"/>
                  </a:lnTo>
                  <a:lnTo>
                    <a:pt x="2491740" y="1367028"/>
                  </a:lnTo>
                  <a:close/>
                </a:path>
                <a:path w="5085715" h="1377950">
                  <a:moveTo>
                    <a:pt x="2424684" y="1367028"/>
                  </a:moveTo>
                  <a:lnTo>
                    <a:pt x="2386584" y="1367028"/>
                  </a:lnTo>
                  <a:lnTo>
                    <a:pt x="2386584" y="1377696"/>
                  </a:lnTo>
                  <a:lnTo>
                    <a:pt x="2424684" y="1377696"/>
                  </a:lnTo>
                  <a:lnTo>
                    <a:pt x="2424684" y="1367028"/>
                  </a:lnTo>
                  <a:close/>
                </a:path>
                <a:path w="5085715" h="1377950">
                  <a:moveTo>
                    <a:pt x="2357628" y="1367028"/>
                  </a:moveTo>
                  <a:lnTo>
                    <a:pt x="2319528" y="1367028"/>
                  </a:lnTo>
                  <a:lnTo>
                    <a:pt x="2319528" y="1377696"/>
                  </a:lnTo>
                  <a:lnTo>
                    <a:pt x="2357628" y="1377696"/>
                  </a:lnTo>
                  <a:lnTo>
                    <a:pt x="2357628" y="1367028"/>
                  </a:lnTo>
                  <a:close/>
                </a:path>
                <a:path w="5085715" h="1377950">
                  <a:moveTo>
                    <a:pt x="2290572" y="1367028"/>
                  </a:moveTo>
                  <a:lnTo>
                    <a:pt x="2252472" y="1367028"/>
                  </a:lnTo>
                  <a:lnTo>
                    <a:pt x="2252472" y="1377696"/>
                  </a:lnTo>
                  <a:lnTo>
                    <a:pt x="2290572" y="1377696"/>
                  </a:lnTo>
                  <a:lnTo>
                    <a:pt x="2290572" y="1367028"/>
                  </a:lnTo>
                  <a:close/>
                </a:path>
                <a:path w="5085715" h="1377950">
                  <a:moveTo>
                    <a:pt x="2225040" y="1367028"/>
                  </a:moveTo>
                  <a:lnTo>
                    <a:pt x="2186940" y="1367028"/>
                  </a:lnTo>
                  <a:lnTo>
                    <a:pt x="2186940" y="1377696"/>
                  </a:lnTo>
                  <a:lnTo>
                    <a:pt x="2225040" y="1377696"/>
                  </a:lnTo>
                  <a:lnTo>
                    <a:pt x="2225040" y="1367028"/>
                  </a:lnTo>
                  <a:close/>
                </a:path>
                <a:path w="5085715" h="1377950">
                  <a:moveTo>
                    <a:pt x="2157984" y="1367028"/>
                  </a:moveTo>
                  <a:lnTo>
                    <a:pt x="2119884" y="1367028"/>
                  </a:lnTo>
                  <a:lnTo>
                    <a:pt x="2119884" y="1377696"/>
                  </a:lnTo>
                  <a:lnTo>
                    <a:pt x="2157984" y="1377696"/>
                  </a:lnTo>
                  <a:lnTo>
                    <a:pt x="2157984" y="1367028"/>
                  </a:lnTo>
                  <a:close/>
                </a:path>
                <a:path w="5085715" h="1377950">
                  <a:moveTo>
                    <a:pt x="2090927" y="1367028"/>
                  </a:moveTo>
                  <a:lnTo>
                    <a:pt x="2052827" y="1367028"/>
                  </a:lnTo>
                  <a:lnTo>
                    <a:pt x="2052827" y="1377696"/>
                  </a:lnTo>
                  <a:lnTo>
                    <a:pt x="2090927" y="1377696"/>
                  </a:lnTo>
                  <a:lnTo>
                    <a:pt x="2090927" y="1367028"/>
                  </a:lnTo>
                  <a:close/>
                </a:path>
                <a:path w="5085715" h="1377950">
                  <a:moveTo>
                    <a:pt x="2023872" y="1367028"/>
                  </a:moveTo>
                  <a:lnTo>
                    <a:pt x="1985772" y="1367028"/>
                  </a:lnTo>
                  <a:lnTo>
                    <a:pt x="1985772" y="1377696"/>
                  </a:lnTo>
                  <a:lnTo>
                    <a:pt x="2023872" y="1377696"/>
                  </a:lnTo>
                  <a:lnTo>
                    <a:pt x="2023872" y="1367028"/>
                  </a:lnTo>
                  <a:close/>
                </a:path>
                <a:path w="5085715" h="1377950">
                  <a:moveTo>
                    <a:pt x="1958339" y="1367028"/>
                  </a:moveTo>
                  <a:lnTo>
                    <a:pt x="1920239" y="1367028"/>
                  </a:lnTo>
                  <a:lnTo>
                    <a:pt x="1920239" y="1377696"/>
                  </a:lnTo>
                  <a:lnTo>
                    <a:pt x="1958339" y="1377696"/>
                  </a:lnTo>
                  <a:lnTo>
                    <a:pt x="1958339" y="1367028"/>
                  </a:lnTo>
                  <a:close/>
                </a:path>
                <a:path w="5085715" h="1377950">
                  <a:moveTo>
                    <a:pt x="1891283" y="1367028"/>
                  </a:moveTo>
                  <a:lnTo>
                    <a:pt x="1853183" y="1367028"/>
                  </a:lnTo>
                  <a:lnTo>
                    <a:pt x="1853183" y="1377696"/>
                  </a:lnTo>
                  <a:lnTo>
                    <a:pt x="1891283" y="1377696"/>
                  </a:lnTo>
                  <a:lnTo>
                    <a:pt x="1891283" y="1367028"/>
                  </a:lnTo>
                  <a:close/>
                </a:path>
                <a:path w="5085715" h="1377950">
                  <a:moveTo>
                    <a:pt x="1824227" y="1367028"/>
                  </a:moveTo>
                  <a:lnTo>
                    <a:pt x="1786127" y="1367028"/>
                  </a:lnTo>
                  <a:lnTo>
                    <a:pt x="1786127" y="1377696"/>
                  </a:lnTo>
                  <a:lnTo>
                    <a:pt x="1824227" y="1377696"/>
                  </a:lnTo>
                  <a:lnTo>
                    <a:pt x="1824227" y="1367028"/>
                  </a:lnTo>
                  <a:close/>
                </a:path>
                <a:path w="5085715" h="1377950">
                  <a:moveTo>
                    <a:pt x="1757172" y="1367028"/>
                  </a:moveTo>
                  <a:lnTo>
                    <a:pt x="1719072" y="1367028"/>
                  </a:lnTo>
                  <a:lnTo>
                    <a:pt x="1719072" y="1377696"/>
                  </a:lnTo>
                  <a:lnTo>
                    <a:pt x="1757172" y="1377696"/>
                  </a:lnTo>
                  <a:lnTo>
                    <a:pt x="1757172" y="1367028"/>
                  </a:lnTo>
                  <a:close/>
                </a:path>
                <a:path w="5085715" h="1377950">
                  <a:moveTo>
                    <a:pt x="1691639" y="1367028"/>
                  </a:moveTo>
                  <a:lnTo>
                    <a:pt x="1653539" y="1367028"/>
                  </a:lnTo>
                  <a:lnTo>
                    <a:pt x="1653539" y="1377696"/>
                  </a:lnTo>
                  <a:lnTo>
                    <a:pt x="1691639" y="1377696"/>
                  </a:lnTo>
                  <a:lnTo>
                    <a:pt x="1691639" y="1367028"/>
                  </a:lnTo>
                  <a:close/>
                </a:path>
                <a:path w="5085715" h="1377950">
                  <a:moveTo>
                    <a:pt x="1624584" y="1367028"/>
                  </a:moveTo>
                  <a:lnTo>
                    <a:pt x="1586484" y="1367028"/>
                  </a:lnTo>
                  <a:lnTo>
                    <a:pt x="1586484" y="1377696"/>
                  </a:lnTo>
                  <a:lnTo>
                    <a:pt x="1624584" y="1377696"/>
                  </a:lnTo>
                  <a:lnTo>
                    <a:pt x="1624584" y="1367028"/>
                  </a:lnTo>
                  <a:close/>
                </a:path>
                <a:path w="5085715" h="1377950">
                  <a:moveTo>
                    <a:pt x="1557528" y="1367028"/>
                  </a:moveTo>
                  <a:lnTo>
                    <a:pt x="1519428" y="1367028"/>
                  </a:lnTo>
                  <a:lnTo>
                    <a:pt x="1519428" y="1377696"/>
                  </a:lnTo>
                  <a:lnTo>
                    <a:pt x="1557528" y="1377696"/>
                  </a:lnTo>
                  <a:lnTo>
                    <a:pt x="1557528" y="1367028"/>
                  </a:lnTo>
                  <a:close/>
                </a:path>
                <a:path w="5085715" h="1377950">
                  <a:moveTo>
                    <a:pt x="1490472" y="1367028"/>
                  </a:moveTo>
                  <a:lnTo>
                    <a:pt x="1452372" y="1367028"/>
                  </a:lnTo>
                  <a:lnTo>
                    <a:pt x="1452372" y="1377696"/>
                  </a:lnTo>
                  <a:lnTo>
                    <a:pt x="1490472" y="1377696"/>
                  </a:lnTo>
                  <a:lnTo>
                    <a:pt x="1490472" y="1367028"/>
                  </a:lnTo>
                  <a:close/>
                </a:path>
                <a:path w="5085715" h="1377950">
                  <a:moveTo>
                    <a:pt x="1424940" y="1367028"/>
                  </a:moveTo>
                  <a:lnTo>
                    <a:pt x="1386840" y="1367028"/>
                  </a:lnTo>
                  <a:lnTo>
                    <a:pt x="1386840" y="1377696"/>
                  </a:lnTo>
                  <a:lnTo>
                    <a:pt x="1424940" y="1377696"/>
                  </a:lnTo>
                  <a:lnTo>
                    <a:pt x="1424940" y="1367028"/>
                  </a:lnTo>
                  <a:close/>
                </a:path>
                <a:path w="5085715" h="1377950">
                  <a:moveTo>
                    <a:pt x="1357884" y="1367028"/>
                  </a:moveTo>
                  <a:lnTo>
                    <a:pt x="1319784" y="1367028"/>
                  </a:lnTo>
                  <a:lnTo>
                    <a:pt x="1319784" y="1377696"/>
                  </a:lnTo>
                  <a:lnTo>
                    <a:pt x="1357884" y="1377696"/>
                  </a:lnTo>
                  <a:lnTo>
                    <a:pt x="1357884" y="1367028"/>
                  </a:lnTo>
                  <a:close/>
                </a:path>
                <a:path w="5085715" h="1377950">
                  <a:moveTo>
                    <a:pt x="1290828" y="1367028"/>
                  </a:moveTo>
                  <a:lnTo>
                    <a:pt x="1252728" y="1367028"/>
                  </a:lnTo>
                  <a:lnTo>
                    <a:pt x="1252728" y="1377696"/>
                  </a:lnTo>
                  <a:lnTo>
                    <a:pt x="1290828" y="1377696"/>
                  </a:lnTo>
                  <a:lnTo>
                    <a:pt x="1290828" y="1367028"/>
                  </a:lnTo>
                  <a:close/>
                </a:path>
                <a:path w="5085715" h="1377950">
                  <a:moveTo>
                    <a:pt x="1223772" y="1367028"/>
                  </a:moveTo>
                  <a:lnTo>
                    <a:pt x="1185672" y="1367028"/>
                  </a:lnTo>
                  <a:lnTo>
                    <a:pt x="1185672" y="1377696"/>
                  </a:lnTo>
                  <a:lnTo>
                    <a:pt x="1223772" y="1377696"/>
                  </a:lnTo>
                  <a:lnTo>
                    <a:pt x="1223772" y="1367028"/>
                  </a:lnTo>
                  <a:close/>
                </a:path>
                <a:path w="5085715" h="1377950">
                  <a:moveTo>
                    <a:pt x="1158240" y="1367028"/>
                  </a:moveTo>
                  <a:lnTo>
                    <a:pt x="1120140" y="1367028"/>
                  </a:lnTo>
                  <a:lnTo>
                    <a:pt x="1120140" y="1377696"/>
                  </a:lnTo>
                  <a:lnTo>
                    <a:pt x="1158240" y="1377696"/>
                  </a:lnTo>
                  <a:lnTo>
                    <a:pt x="1158240" y="1367028"/>
                  </a:lnTo>
                  <a:close/>
                </a:path>
                <a:path w="5085715" h="1377950">
                  <a:moveTo>
                    <a:pt x="1091184" y="1367028"/>
                  </a:moveTo>
                  <a:lnTo>
                    <a:pt x="1053084" y="1367028"/>
                  </a:lnTo>
                  <a:lnTo>
                    <a:pt x="1053084" y="1377696"/>
                  </a:lnTo>
                  <a:lnTo>
                    <a:pt x="1091184" y="1377696"/>
                  </a:lnTo>
                  <a:lnTo>
                    <a:pt x="1091184" y="1367028"/>
                  </a:lnTo>
                  <a:close/>
                </a:path>
                <a:path w="5085715" h="1377950">
                  <a:moveTo>
                    <a:pt x="1024128" y="1367028"/>
                  </a:moveTo>
                  <a:lnTo>
                    <a:pt x="986028" y="1367028"/>
                  </a:lnTo>
                  <a:lnTo>
                    <a:pt x="986028" y="1377696"/>
                  </a:lnTo>
                  <a:lnTo>
                    <a:pt x="1024128" y="1377696"/>
                  </a:lnTo>
                  <a:lnTo>
                    <a:pt x="1024128" y="1367028"/>
                  </a:lnTo>
                  <a:close/>
                </a:path>
                <a:path w="5085715" h="1377950">
                  <a:moveTo>
                    <a:pt x="957072" y="1367028"/>
                  </a:moveTo>
                  <a:lnTo>
                    <a:pt x="918972" y="1367028"/>
                  </a:lnTo>
                  <a:lnTo>
                    <a:pt x="918972" y="1377696"/>
                  </a:lnTo>
                  <a:lnTo>
                    <a:pt x="957072" y="1377696"/>
                  </a:lnTo>
                  <a:lnTo>
                    <a:pt x="957072" y="1367028"/>
                  </a:lnTo>
                  <a:close/>
                </a:path>
                <a:path w="5085715" h="1377950">
                  <a:moveTo>
                    <a:pt x="891540" y="1367028"/>
                  </a:moveTo>
                  <a:lnTo>
                    <a:pt x="853440" y="1367028"/>
                  </a:lnTo>
                  <a:lnTo>
                    <a:pt x="853440" y="1377696"/>
                  </a:lnTo>
                  <a:lnTo>
                    <a:pt x="891540" y="1377696"/>
                  </a:lnTo>
                  <a:lnTo>
                    <a:pt x="891540" y="1367028"/>
                  </a:lnTo>
                  <a:close/>
                </a:path>
                <a:path w="5085715" h="1377950">
                  <a:moveTo>
                    <a:pt x="824484" y="1367028"/>
                  </a:moveTo>
                  <a:lnTo>
                    <a:pt x="786384" y="1367028"/>
                  </a:lnTo>
                  <a:lnTo>
                    <a:pt x="786384" y="1377696"/>
                  </a:lnTo>
                  <a:lnTo>
                    <a:pt x="824484" y="1377696"/>
                  </a:lnTo>
                  <a:lnTo>
                    <a:pt x="824484" y="1367028"/>
                  </a:lnTo>
                  <a:close/>
                </a:path>
                <a:path w="5085715" h="1377950">
                  <a:moveTo>
                    <a:pt x="757428" y="1367028"/>
                  </a:moveTo>
                  <a:lnTo>
                    <a:pt x="719328" y="1367028"/>
                  </a:lnTo>
                  <a:lnTo>
                    <a:pt x="719328" y="1377696"/>
                  </a:lnTo>
                  <a:lnTo>
                    <a:pt x="757428" y="1377696"/>
                  </a:lnTo>
                  <a:lnTo>
                    <a:pt x="757428" y="1367028"/>
                  </a:lnTo>
                  <a:close/>
                </a:path>
                <a:path w="5085715" h="1377950">
                  <a:moveTo>
                    <a:pt x="690372" y="1367028"/>
                  </a:moveTo>
                  <a:lnTo>
                    <a:pt x="652272" y="1367028"/>
                  </a:lnTo>
                  <a:lnTo>
                    <a:pt x="652272" y="1377696"/>
                  </a:lnTo>
                  <a:lnTo>
                    <a:pt x="690372" y="1377696"/>
                  </a:lnTo>
                  <a:lnTo>
                    <a:pt x="690372" y="1367028"/>
                  </a:lnTo>
                  <a:close/>
                </a:path>
                <a:path w="5085715" h="1377950">
                  <a:moveTo>
                    <a:pt x="624840" y="1367028"/>
                  </a:moveTo>
                  <a:lnTo>
                    <a:pt x="586740" y="1367028"/>
                  </a:lnTo>
                  <a:lnTo>
                    <a:pt x="586740" y="1377696"/>
                  </a:lnTo>
                  <a:lnTo>
                    <a:pt x="624840" y="1377696"/>
                  </a:lnTo>
                  <a:lnTo>
                    <a:pt x="624840" y="1367028"/>
                  </a:lnTo>
                  <a:close/>
                </a:path>
                <a:path w="5085715" h="1377950">
                  <a:moveTo>
                    <a:pt x="557784" y="1367028"/>
                  </a:moveTo>
                  <a:lnTo>
                    <a:pt x="519684" y="1367028"/>
                  </a:lnTo>
                  <a:lnTo>
                    <a:pt x="519684" y="1377696"/>
                  </a:lnTo>
                  <a:lnTo>
                    <a:pt x="557784" y="1377696"/>
                  </a:lnTo>
                  <a:lnTo>
                    <a:pt x="557784" y="1367028"/>
                  </a:lnTo>
                  <a:close/>
                </a:path>
                <a:path w="5085715" h="1377950">
                  <a:moveTo>
                    <a:pt x="490728" y="1367028"/>
                  </a:moveTo>
                  <a:lnTo>
                    <a:pt x="452628" y="1367028"/>
                  </a:lnTo>
                  <a:lnTo>
                    <a:pt x="452628" y="1377696"/>
                  </a:lnTo>
                  <a:lnTo>
                    <a:pt x="490728" y="1377696"/>
                  </a:lnTo>
                  <a:lnTo>
                    <a:pt x="490728" y="1367028"/>
                  </a:lnTo>
                  <a:close/>
                </a:path>
                <a:path w="5085715" h="1377950">
                  <a:moveTo>
                    <a:pt x="423672" y="1367028"/>
                  </a:moveTo>
                  <a:lnTo>
                    <a:pt x="385572" y="1367028"/>
                  </a:lnTo>
                  <a:lnTo>
                    <a:pt x="385572" y="1377696"/>
                  </a:lnTo>
                  <a:lnTo>
                    <a:pt x="423672" y="1377696"/>
                  </a:lnTo>
                  <a:lnTo>
                    <a:pt x="423672" y="1367028"/>
                  </a:lnTo>
                  <a:close/>
                </a:path>
                <a:path w="5085715" h="1377950">
                  <a:moveTo>
                    <a:pt x="358140" y="1367028"/>
                  </a:moveTo>
                  <a:lnTo>
                    <a:pt x="320040" y="1367028"/>
                  </a:lnTo>
                  <a:lnTo>
                    <a:pt x="320040" y="1377696"/>
                  </a:lnTo>
                  <a:lnTo>
                    <a:pt x="358140" y="1377696"/>
                  </a:lnTo>
                  <a:lnTo>
                    <a:pt x="358140" y="1367028"/>
                  </a:lnTo>
                  <a:close/>
                </a:path>
                <a:path w="5085715" h="1377950">
                  <a:moveTo>
                    <a:pt x="291084" y="1367028"/>
                  </a:moveTo>
                  <a:lnTo>
                    <a:pt x="252984" y="1367028"/>
                  </a:lnTo>
                  <a:lnTo>
                    <a:pt x="252984" y="1377696"/>
                  </a:lnTo>
                  <a:lnTo>
                    <a:pt x="291084" y="1377696"/>
                  </a:lnTo>
                  <a:lnTo>
                    <a:pt x="291084" y="1367028"/>
                  </a:lnTo>
                  <a:close/>
                </a:path>
                <a:path w="5085715" h="1377950">
                  <a:moveTo>
                    <a:pt x="224028" y="1367028"/>
                  </a:moveTo>
                  <a:lnTo>
                    <a:pt x="185928" y="1367028"/>
                  </a:lnTo>
                  <a:lnTo>
                    <a:pt x="185928" y="1377696"/>
                  </a:lnTo>
                  <a:lnTo>
                    <a:pt x="224028" y="1377696"/>
                  </a:lnTo>
                  <a:lnTo>
                    <a:pt x="224028" y="1367028"/>
                  </a:lnTo>
                  <a:close/>
                </a:path>
                <a:path w="5085715" h="1377950">
                  <a:moveTo>
                    <a:pt x="156972" y="1367028"/>
                  </a:moveTo>
                  <a:lnTo>
                    <a:pt x="118872" y="1367028"/>
                  </a:lnTo>
                  <a:lnTo>
                    <a:pt x="118872" y="1377696"/>
                  </a:lnTo>
                  <a:lnTo>
                    <a:pt x="156972" y="1377696"/>
                  </a:lnTo>
                  <a:lnTo>
                    <a:pt x="156972" y="1367028"/>
                  </a:lnTo>
                  <a:close/>
                </a:path>
                <a:path w="5085715" h="1377950">
                  <a:moveTo>
                    <a:pt x="91440" y="1367028"/>
                  </a:moveTo>
                  <a:lnTo>
                    <a:pt x="53340" y="1367028"/>
                  </a:lnTo>
                  <a:lnTo>
                    <a:pt x="53340" y="1377696"/>
                  </a:lnTo>
                  <a:lnTo>
                    <a:pt x="91440" y="1377696"/>
                  </a:lnTo>
                  <a:lnTo>
                    <a:pt x="91440" y="1367028"/>
                  </a:lnTo>
                  <a:close/>
                </a:path>
              </a:pathLst>
            </a:custGeom>
            <a:solidFill>
              <a:srgbClr val="000000"/>
            </a:solidFill>
          </p:spPr>
          <p:txBody>
            <a:bodyPr wrap="square" lIns="0" tIns="0" rIns="0" bIns="0" rtlCol="0"/>
            <a:lstStyle/>
            <a:p>
              <a:endParaRPr sz="1154"/>
            </a:p>
          </p:txBody>
        </p:sp>
        <p:pic>
          <p:nvPicPr>
            <p:cNvPr id="11" name="object 11"/>
            <p:cNvPicPr/>
            <p:nvPr/>
          </p:nvPicPr>
          <p:blipFill>
            <a:blip r:embed="rId3" cstate="print"/>
            <a:stretch>
              <a:fillRect/>
            </a:stretch>
          </p:blipFill>
          <p:spPr>
            <a:xfrm>
              <a:off x="1368552" y="6073114"/>
              <a:ext cx="5071872" cy="1292352"/>
            </a:xfrm>
            <a:prstGeom prst="rect">
              <a:avLst/>
            </a:prstGeom>
          </p:spPr>
        </p:pic>
      </p:grpSp>
      <p:sp>
        <p:nvSpPr>
          <p:cNvPr id="12" name="object 12"/>
          <p:cNvSpPr txBox="1"/>
          <p:nvPr/>
        </p:nvSpPr>
        <p:spPr>
          <a:xfrm>
            <a:off x="2183031" y="3935922"/>
            <a:ext cx="2918315" cy="450064"/>
          </a:xfrm>
          <a:prstGeom prst="rect">
            <a:avLst/>
          </a:prstGeom>
        </p:spPr>
        <p:txBody>
          <a:bodyPr vert="horz" wrap="square" lIns="0" tIns="20769" rIns="0" bIns="0" rtlCol="0">
            <a:spAutoFit/>
          </a:bodyPr>
          <a:lstStyle/>
          <a:p>
            <a:pPr marL="89997" indent="-89997">
              <a:spcBef>
                <a:spcPts val="163"/>
              </a:spcBef>
              <a:buSzPct val="90909"/>
              <a:buChar char="■"/>
              <a:tabLst>
                <a:tab pos="89997" algn="l"/>
                <a:tab pos="729748" algn="l"/>
              </a:tabLst>
            </a:pPr>
            <a:r>
              <a:rPr sz="705" b="1" dirty="0">
                <a:latin typeface="Yu Gothic UI Semibold"/>
                <a:cs typeface="Yu Gothic UI Semibold"/>
              </a:rPr>
              <a:t>審査プ</a:t>
            </a:r>
            <a:r>
              <a:rPr sz="705" b="1" spc="-10" dirty="0">
                <a:latin typeface="Yu Gothic UI Semibold"/>
                <a:cs typeface="Yu Gothic UI Semibold"/>
              </a:rPr>
              <a:t>ロ</a:t>
            </a:r>
            <a:r>
              <a:rPr sz="705" b="1" dirty="0">
                <a:latin typeface="Yu Gothic UI Semibold"/>
                <a:cs typeface="Yu Gothic UI Semibold"/>
              </a:rPr>
              <a:t>セ</a:t>
            </a:r>
            <a:r>
              <a:rPr sz="705" b="1" spc="-6" dirty="0">
                <a:latin typeface="Yu Gothic UI Semibold"/>
                <a:cs typeface="Yu Gothic UI Semibold"/>
              </a:rPr>
              <a:t>ス</a:t>
            </a:r>
            <a:r>
              <a:rPr sz="705" b="1" spc="-32" dirty="0">
                <a:latin typeface="Yu Gothic UI Semibold"/>
                <a:cs typeface="Yu Gothic UI Semibold"/>
              </a:rPr>
              <a:t>■</a:t>
            </a:r>
            <a:r>
              <a:rPr sz="705" b="1" dirty="0">
                <a:latin typeface="Yu Gothic UI Semibold"/>
                <a:cs typeface="Yu Gothic UI Semibold"/>
              </a:rPr>
              <a:t>	</a:t>
            </a:r>
            <a:r>
              <a:rPr sz="673" spc="-19" dirty="0">
                <a:latin typeface="Yu Gothic UI"/>
                <a:cs typeface="Yu Gothic UI"/>
              </a:rPr>
              <a:t>※</a:t>
            </a:r>
            <a:r>
              <a:rPr sz="673" spc="-45" dirty="0">
                <a:latin typeface="Yu Gothic UI"/>
                <a:cs typeface="Yu Gothic UI"/>
              </a:rPr>
              <a:t>審査</a:t>
            </a:r>
            <a:r>
              <a:rPr sz="673" spc="-22" dirty="0">
                <a:latin typeface="Yu Gothic UI"/>
                <a:cs typeface="Yu Gothic UI"/>
              </a:rPr>
              <a:t>プ</a:t>
            </a:r>
            <a:r>
              <a:rPr sz="673" spc="-19" dirty="0">
                <a:latin typeface="Yu Gothic UI"/>
                <a:cs typeface="Yu Gothic UI"/>
              </a:rPr>
              <a:t>ロセス</a:t>
            </a:r>
            <a:r>
              <a:rPr sz="673" spc="-45" dirty="0">
                <a:latin typeface="Yu Gothic UI"/>
                <a:cs typeface="Yu Gothic UI"/>
              </a:rPr>
              <a:t>及</a:t>
            </a:r>
            <a:r>
              <a:rPr sz="673" spc="-22" dirty="0">
                <a:latin typeface="Yu Gothic UI"/>
                <a:cs typeface="Yu Gothic UI"/>
              </a:rPr>
              <a:t>び</a:t>
            </a:r>
            <a:r>
              <a:rPr sz="673" spc="-35" dirty="0">
                <a:latin typeface="Yu Gothic UI"/>
                <a:cs typeface="Yu Gothic UI"/>
              </a:rPr>
              <a:t>審</a:t>
            </a:r>
            <a:r>
              <a:rPr sz="673" spc="-45" dirty="0">
                <a:latin typeface="Yu Gothic UI"/>
                <a:cs typeface="Yu Gothic UI"/>
              </a:rPr>
              <a:t>査</a:t>
            </a:r>
            <a:r>
              <a:rPr sz="673" spc="-35" dirty="0">
                <a:latin typeface="Yu Gothic UI"/>
                <a:cs typeface="Yu Gothic UI"/>
              </a:rPr>
              <a:t>項</a:t>
            </a:r>
            <a:r>
              <a:rPr sz="673" spc="-45" dirty="0">
                <a:latin typeface="Yu Gothic UI"/>
                <a:cs typeface="Yu Gothic UI"/>
              </a:rPr>
              <a:t>⽬</a:t>
            </a:r>
            <a:r>
              <a:rPr sz="673" spc="-19" dirty="0">
                <a:latin typeface="Yu Gothic UI"/>
                <a:cs typeface="Yu Gothic UI"/>
              </a:rPr>
              <a:t>（</a:t>
            </a:r>
            <a:r>
              <a:rPr sz="673" spc="-35" dirty="0">
                <a:latin typeface="Yu Gothic UI"/>
                <a:cs typeface="Yu Gothic UI"/>
              </a:rPr>
              <a:t>基準</a:t>
            </a:r>
            <a:r>
              <a:rPr sz="673" spc="-19" dirty="0">
                <a:latin typeface="Yu Gothic UI"/>
                <a:cs typeface="Yu Gothic UI"/>
              </a:rPr>
              <a:t>）の</a:t>
            </a:r>
            <a:r>
              <a:rPr sz="673" spc="-45" dirty="0">
                <a:latin typeface="Yu Gothic UI"/>
                <a:cs typeface="Yu Gothic UI"/>
              </a:rPr>
              <a:t>詳細</a:t>
            </a:r>
            <a:r>
              <a:rPr sz="673" spc="-19" dirty="0">
                <a:latin typeface="Yu Gothic UI"/>
                <a:cs typeface="Yu Gothic UI"/>
              </a:rPr>
              <a:t>に</a:t>
            </a:r>
            <a:r>
              <a:rPr sz="673" spc="-22" dirty="0">
                <a:latin typeface="Yu Gothic UI"/>
                <a:cs typeface="Yu Gothic UI"/>
              </a:rPr>
              <a:t>つ</a:t>
            </a:r>
            <a:r>
              <a:rPr sz="673" spc="-19" dirty="0">
                <a:latin typeface="Yu Gothic UI"/>
                <a:cs typeface="Yu Gothic UI"/>
              </a:rPr>
              <a:t>いて</a:t>
            </a:r>
            <a:r>
              <a:rPr sz="673" spc="-16" dirty="0">
                <a:latin typeface="Yu Gothic UI"/>
                <a:cs typeface="Yu Gothic UI"/>
              </a:rPr>
              <a:t>は</a:t>
            </a:r>
            <a:r>
              <a:rPr sz="673" spc="-45" dirty="0">
                <a:latin typeface="Yu Gothic UI"/>
                <a:cs typeface="Yu Gothic UI"/>
              </a:rPr>
              <a:t>別</a:t>
            </a:r>
            <a:r>
              <a:rPr sz="673" spc="-35" dirty="0">
                <a:latin typeface="Yu Gothic UI"/>
                <a:cs typeface="Yu Gothic UI"/>
              </a:rPr>
              <a:t>紙</a:t>
            </a:r>
            <a:r>
              <a:rPr sz="673" spc="-45" dirty="0">
                <a:latin typeface="Yu Gothic UI"/>
                <a:cs typeface="Yu Gothic UI"/>
              </a:rPr>
              <a:t>参</a:t>
            </a:r>
            <a:r>
              <a:rPr sz="673" spc="-32" dirty="0">
                <a:latin typeface="Yu Gothic UI"/>
                <a:cs typeface="Yu Gothic UI"/>
              </a:rPr>
              <a:t>照</a:t>
            </a:r>
            <a:endParaRPr sz="673">
              <a:latin typeface="Yu Gothic UI"/>
              <a:cs typeface="Yu Gothic UI"/>
            </a:endParaRPr>
          </a:p>
          <a:p>
            <a:pPr marL="56604">
              <a:lnSpc>
                <a:spcPts val="843"/>
              </a:lnSpc>
              <a:spcBef>
                <a:spcPts val="99"/>
              </a:spcBef>
            </a:pPr>
            <a:r>
              <a:rPr sz="705" b="1" spc="-128" dirty="0">
                <a:latin typeface="Yu Gothic UI Semibold"/>
                <a:cs typeface="Yu Gothic UI Semibold"/>
              </a:rPr>
              <a:t>（１）</a:t>
            </a:r>
            <a:r>
              <a:rPr sz="705" b="1" spc="-45" dirty="0">
                <a:latin typeface="Yu Gothic UI Semibold"/>
                <a:cs typeface="Yu Gothic UI Semibold"/>
              </a:rPr>
              <a:t>審査項⽬毎の検証・評価</a:t>
            </a:r>
            <a:endParaRPr sz="705">
              <a:latin typeface="Yu Gothic UI Semibold"/>
              <a:cs typeface="Yu Gothic UI Semibold"/>
            </a:endParaRPr>
          </a:p>
          <a:p>
            <a:pPr marL="338812">
              <a:lnSpc>
                <a:spcPts val="834"/>
              </a:lnSpc>
            </a:pPr>
            <a:r>
              <a:rPr sz="705" spc="-45" dirty="0">
                <a:latin typeface="Yu Gothic UI"/>
                <a:cs typeface="Yu Gothic UI"/>
              </a:rPr>
              <a:t>審査項⽬を設定し、基準に従い、⼤項⽬毎に評価</a:t>
            </a:r>
            <a:endParaRPr sz="705">
              <a:latin typeface="Yu Gothic UI"/>
              <a:cs typeface="Yu Gothic UI"/>
            </a:endParaRPr>
          </a:p>
          <a:p>
            <a:pPr marL="56604">
              <a:lnSpc>
                <a:spcPts val="840"/>
              </a:lnSpc>
            </a:pPr>
            <a:r>
              <a:rPr sz="705" b="1" spc="-128" dirty="0">
                <a:latin typeface="Yu Gothic UI Semibold"/>
                <a:cs typeface="Yu Gothic UI Semibold"/>
              </a:rPr>
              <a:t>（２）</a:t>
            </a:r>
            <a:r>
              <a:rPr sz="705" b="1" spc="-42" dirty="0">
                <a:latin typeface="Yu Gothic UI Semibold"/>
                <a:cs typeface="Yu Gothic UI Semibold"/>
              </a:rPr>
              <a:t>総合評価</a:t>
            </a:r>
            <a:endParaRPr sz="705">
              <a:latin typeface="Yu Gothic UI Semibold"/>
              <a:cs typeface="Yu Gothic UI Semibold"/>
            </a:endParaRPr>
          </a:p>
        </p:txBody>
      </p:sp>
      <p:sp>
        <p:nvSpPr>
          <p:cNvPr id="13" name="object 13"/>
          <p:cNvSpPr txBox="1"/>
          <p:nvPr/>
        </p:nvSpPr>
        <p:spPr>
          <a:xfrm>
            <a:off x="2239719" y="4386497"/>
            <a:ext cx="2236588" cy="213409"/>
          </a:xfrm>
          <a:prstGeom prst="rect">
            <a:avLst/>
          </a:prstGeom>
        </p:spPr>
        <p:txBody>
          <a:bodyPr vert="horz" wrap="square" lIns="0" tIns="8145" rIns="0" bIns="0" rtlCol="0">
            <a:spAutoFit/>
          </a:bodyPr>
          <a:lstStyle/>
          <a:p>
            <a:pPr marL="227639">
              <a:lnSpc>
                <a:spcPts val="843"/>
              </a:lnSpc>
              <a:spcBef>
                <a:spcPts val="64"/>
              </a:spcBef>
            </a:pPr>
            <a:r>
              <a:rPr sz="705" spc="-19" dirty="0">
                <a:latin typeface="Yu Gothic UI"/>
                <a:cs typeface="Yu Gothic UI"/>
              </a:rPr>
              <a:t>（１）</a:t>
            </a:r>
            <a:r>
              <a:rPr sz="705" spc="-45" dirty="0">
                <a:latin typeface="Yu Gothic UI"/>
                <a:cs typeface="Yu Gothic UI"/>
              </a:rPr>
              <a:t>の評価結果から、当該提案の内容を総合的に評価</a:t>
            </a:r>
            <a:endParaRPr sz="705">
              <a:latin typeface="Yu Gothic UI"/>
              <a:cs typeface="Yu Gothic UI"/>
            </a:endParaRPr>
          </a:p>
          <a:p>
            <a:pPr>
              <a:lnSpc>
                <a:spcPts val="843"/>
              </a:lnSpc>
            </a:pPr>
            <a:r>
              <a:rPr sz="705" b="1" spc="-128" dirty="0">
                <a:latin typeface="Yu Gothic UI Semibold"/>
                <a:cs typeface="Yu Gothic UI Semibold"/>
              </a:rPr>
              <a:t>（３）</a:t>
            </a:r>
            <a:r>
              <a:rPr sz="705" b="1" spc="-10" dirty="0">
                <a:latin typeface="Yu Gothic UI Semibold"/>
                <a:cs typeface="Yu Gothic UI Semibold"/>
              </a:rPr>
              <a:t>事業化の時期</a:t>
            </a:r>
            <a:endParaRPr sz="705">
              <a:latin typeface="Yu Gothic UI Semibold"/>
              <a:cs typeface="Yu Gothic UI Semibold"/>
            </a:endParaRPr>
          </a:p>
        </p:txBody>
      </p:sp>
      <p:grpSp>
        <p:nvGrpSpPr>
          <p:cNvPr id="14" name="object 14"/>
          <p:cNvGrpSpPr/>
          <p:nvPr/>
        </p:nvGrpSpPr>
        <p:grpSpPr>
          <a:xfrm>
            <a:off x="2418581" y="3445274"/>
            <a:ext cx="2545279" cy="1555267"/>
            <a:chOff x="1828800" y="5372074"/>
            <a:chExt cx="3968750" cy="2425065"/>
          </a:xfrm>
        </p:grpSpPr>
        <p:pic>
          <p:nvPicPr>
            <p:cNvPr id="15" name="object 15"/>
            <p:cNvPicPr/>
            <p:nvPr/>
          </p:nvPicPr>
          <p:blipFill>
            <a:blip r:embed="rId4" cstate="print"/>
            <a:stretch>
              <a:fillRect/>
            </a:stretch>
          </p:blipFill>
          <p:spPr>
            <a:xfrm>
              <a:off x="1828800" y="7534630"/>
              <a:ext cx="3968496" cy="262128"/>
            </a:xfrm>
            <a:prstGeom prst="rect">
              <a:avLst/>
            </a:prstGeom>
          </p:spPr>
        </p:pic>
        <p:pic>
          <p:nvPicPr>
            <p:cNvPr id="16" name="object 16"/>
            <p:cNvPicPr/>
            <p:nvPr/>
          </p:nvPicPr>
          <p:blipFill>
            <a:blip r:embed="rId5" cstate="print"/>
            <a:stretch>
              <a:fillRect/>
            </a:stretch>
          </p:blipFill>
          <p:spPr>
            <a:xfrm>
              <a:off x="2517648" y="5372074"/>
              <a:ext cx="2793492" cy="277367"/>
            </a:xfrm>
            <a:prstGeom prst="rect">
              <a:avLst/>
            </a:prstGeom>
          </p:spPr>
        </p:pic>
      </p:grpSp>
      <p:sp>
        <p:nvSpPr>
          <p:cNvPr id="17" name="object 17"/>
          <p:cNvSpPr txBox="1"/>
          <p:nvPr/>
        </p:nvSpPr>
        <p:spPr>
          <a:xfrm>
            <a:off x="3172798" y="3477527"/>
            <a:ext cx="1166348" cy="116716"/>
          </a:xfrm>
          <a:prstGeom prst="rect">
            <a:avLst/>
          </a:prstGeom>
        </p:spPr>
        <p:txBody>
          <a:bodyPr vert="horz" wrap="square" lIns="0" tIns="8145" rIns="0" bIns="0" rtlCol="0">
            <a:spAutoFit/>
          </a:bodyPr>
          <a:lstStyle/>
          <a:p>
            <a:pPr marL="8145">
              <a:spcBef>
                <a:spcPts val="64"/>
              </a:spcBef>
            </a:pPr>
            <a:r>
              <a:rPr sz="705" b="1" spc="-10" dirty="0">
                <a:latin typeface="Yu Gothic UI Semibold"/>
                <a:cs typeface="Yu Gothic UI Semibold"/>
              </a:rPr>
              <a:t>提案書の受付・書類審査・受理</a:t>
            </a:r>
            <a:endParaRPr sz="705">
              <a:latin typeface="Yu Gothic UI Semibold"/>
              <a:cs typeface="Yu Gothic UI Semibold"/>
            </a:endParaRPr>
          </a:p>
        </p:txBody>
      </p:sp>
      <p:pic>
        <p:nvPicPr>
          <p:cNvPr id="18" name="object 18"/>
          <p:cNvPicPr/>
          <p:nvPr/>
        </p:nvPicPr>
        <p:blipFill>
          <a:blip r:embed="rId6" cstate="print"/>
          <a:stretch>
            <a:fillRect/>
          </a:stretch>
        </p:blipFill>
        <p:spPr>
          <a:xfrm>
            <a:off x="2867201" y="3192130"/>
            <a:ext cx="1781777" cy="167133"/>
          </a:xfrm>
          <a:prstGeom prst="rect">
            <a:avLst/>
          </a:prstGeom>
        </p:spPr>
      </p:pic>
      <p:sp>
        <p:nvSpPr>
          <p:cNvPr id="19" name="object 19"/>
          <p:cNvSpPr txBox="1"/>
          <p:nvPr/>
        </p:nvSpPr>
        <p:spPr>
          <a:xfrm>
            <a:off x="1530788" y="2965490"/>
            <a:ext cx="2829129" cy="369900"/>
          </a:xfrm>
          <a:prstGeom prst="rect">
            <a:avLst/>
          </a:prstGeom>
        </p:spPr>
        <p:txBody>
          <a:bodyPr vert="horz" wrap="square" lIns="0" tIns="7738" rIns="0" bIns="0" rtlCol="0">
            <a:spAutoFit/>
          </a:bodyPr>
          <a:lstStyle/>
          <a:p>
            <a:pPr marL="8145">
              <a:spcBef>
                <a:spcPts val="61"/>
              </a:spcBef>
              <a:tabLst>
                <a:tab pos="236598" algn="l"/>
              </a:tabLst>
            </a:pPr>
            <a:r>
              <a:rPr sz="898" b="1" u="sng" spc="-32" dirty="0">
                <a:uFill>
                  <a:solidFill>
                    <a:srgbClr val="000000"/>
                  </a:solidFill>
                </a:uFill>
                <a:latin typeface="Yu Gothic UI"/>
                <a:cs typeface="Yu Gothic UI"/>
              </a:rPr>
              <a:t>２</a:t>
            </a:r>
            <a:r>
              <a:rPr sz="898" b="1" u="sng" dirty="0">
                <a:uFill>
                  <a:solidFill>
                    <a:srgbClr val="000000"/>
                  </a:solidFill>
                </a:uFill>
                <a:latin typeface="Yu Gothic UI"/>
                <a:cs typeface="Yu Gothic UI"/>
              </a:rPr>
              <a:t>	PFI</a:t>
            </a:r>
            <a:r>
              <a:rPr sz="898" b="1" u="sng" spc="-10" dirty="0">
                <a:uFill>
                  <a:solidFill>
                    <a:srgbClr val="000000"/>
                  </a:solidFill>
                </a:uFill>
                <a:latin typeface="Yu Gothic UI"/>
                <a:cs typeface="Yu Gothic UI"/>
              </a:rPr>
              <a:t> 法に基づく⺠間提案に関する検討プロセス</a:t>
            </a:r>
            <a:endParaRPr sz="898">
              <a:latin typeface="Yu Gothic UI"/>
              <a:cs typeface="Yu Gothic UI"/>
            </a:endParaRPr>
          </a:p>
          <a:p>
            <a:pPr marL="1634196">
              <a:spcBef>
                <a:spcPts val="885"/>
              </a:spcBef>
            </a:pPr>
            <a:r>
              <a:rPr sz="705" b="1" spc="-10" dirty="0">
                <a:latin typeface="Yu Gothic UI Semibold"/>
                <a:cs typeface="Yu Gothic UI Semibold"/>
              </a:rPr>
              <a:t>⺠間事業者からの提案書の提出</a:t>
            </a:r>
            <a:endParaRPr sz="705">
              <a:latin typeface="Yu Gothic UI Semibold"/>
              <a:cs typeface="Yu Gothic UI Semibold"/>
            </a:endParaRPr>
          </a:p>
        </p:txBody>
      </p:sp>
      <p:sp>
        <p:nvSpPr>
          <p:cNvPr id="20" name="object 20"/>
          <p:cNvSpPr txBox="1"/>
          <p:nvPr/>
        </p:nvSpPr>
        <p:spPr>
          <a:xfrm>
            <a:off x="1530788" y="526482"/>
            <a:ext cx="4504532" cy="1550919"/>
          </a:xfrm>
          <a:prstGeom prst="rect">
            <a:avLst/>
          </a:prstGeom>
        </p:spPr>
        <p:txBody>
          <a:bodyPr vert="horz" wrap="square" lIns="0" tIns="64752" rIns="0" bIns="0" rtlCol="0">
            <a:spAutoFit/>
          </a:bodyPr>
          <a:lstStyle/>
          <a:p>
            <a:pPr marL="8145">
              <a:spcBef>
                <a:spcPts val="510"/>
              </a:spcBef>
              <a:tabLst>
                <a:tab pos="236598" algn="l"/>
              </a:tabLst>
            </a:pPr>
            <a:r>
              <a:rPr sz="898" b="1" u="sng" spc="-32" dirty="0">
                <a:uFill>
                  <a:solidFill>
                    <a:srgbClr val="000000"/>
                  </a:solidFill>
                </a:uFill>
                <a:latin typeface="Yu Gothic UI"/>
                <a:cs typeface="Yu Gothic UI"/>
              </a:rPr>
              <a:t>１</a:t>
            </a:r>
            <a:r>
              <a:rPr sz="898" b="1" u="sng" dirty="0">
                <a:uFill>
                  <a:solidFill>
                    <a:srgbClr val="000000"/>
                  </a:solidFill>
                </a:uFill>
                <a:latin typeface="Yu Gothic UI"/>
                <a:cs typeface="Yu Gothic UI"/>
              </a:rPr>
              <a:t>	PFI</a:t>
            </a:r>
            <a:r>
              <a:rPr sz="898" b="1" u="sng" spc="-16" dirty="0">
                <a:uFill>
                  <a:solidFill>
                    <a:srgbClr val="000000"/>
                  </a:solidFill>
                </a:uFill>
                <a:latin typeface="Yu Gothic UI"/>
                <a:cs typeface="Yu Gothic UI"/>
              </a:rPr>
              <a:t> 法に基づく⺠間提案提出の経緯</a:t>
            </a:r>
            <a:endParaRPr sz="898">
              <a:latin typeface="Yu Gothic UI"/>
              <a:cs typeface="Yu Gothic UI"/>
            </a:endParaRPr>
          </a:p>
          <a:p>
            <a:pPr marL="94069" marR="3258" indent="97734" algn="just">
              <a:lnSpc>
                <a:spcPct val="125000"/>
              </a:lnSpc>
              <a:spcBef>
                <a:spcPts val="154"/>
              </a:spcBef>
            </a:pPr>
            <a:r>
              <a:rPr sz="770" spc="-32" dirty="0">
                <a:latin typeface="メイリオ"/>
                <a:cs typeface="メイリオ"/>
              </a:rPr>
              <a:t>本市では、橋梁トリアージの実施によるメリハリある対応への転換等、持続可能な橋梁マネジメン</a:t>
            </a:r>
            <a:r>
              <a:rPr sz="770" spc="-26" dirty="0">
                <a:latin typeface="メイリオ"/>
                <a:cs typeface="メイリオ"/>
              </a:rPr>
              <a:t>トを推進しているところですが、今般、パシフィックコンサルタンツ株式会社、株式会社熊谷組、株</a:t>
            </a:r>
            <a:r>
              <a:rPr sz="770" spc="-6" dirty="0">
                <a:latin typeface="メイリオ"/>
                <a:cs typeface="メイリオ"/>
              </a:rPr>
              <a:t>式会社横河ブリッジから、⺠間資⾦等の活⽤による公共施設等の整備等の促進に関する法律</a:t>
            </a:r>
            <a:r>
              <a:rPr sz="770" dirty="0">
                <a:latin typeface="メイリオ"/>
                <a:cs typeface="メイリオ"/>
              </a:rPr>
              <a:t>（</a:t>
            </a:r>
            <a:r>
              <a:rPr sz="770" spc="-13" dirty="0">
                <a:latin typeface="メイリオ"/>
                <a:cs typeface="メイリオ"/>
              </a:rPr>
              <a:t>以下、</a:t>
            </a:r>
            <a:endParaRPr sz="770">
              <a:latin typeface="メイリオ"/>
              <a:cs typeface="メイリオ"/>
            </a:endParaRPr>
          </a:p>
          <a:p>
            <a:pPr marL="94069" algn="just">
              <a:spcBef>
                <a:spcPts val="231"/>
              </a:spcBef>
            </a:pPr>
            <a:r>
              <a:rPr sz="770" dirty="0">
                <a:latin typeface="メイリオ"/>
                <a:cs typeface="メイリオ"/>
              </a:rPr>
              <a:t>「PFI</a:t>
            </a:r>
            <a:r>
              <a:rPr sz="770" spc="-71" dirty="0">
                <a:latin typeface="メイリオ"/>
                <a:cs typeface="メイリオ"/>
              </a:rPr>
              <a:t> 法」という。</a:t>
            </a:r>
            <a:r>
              <a:rPr sz="770" dirty="0">
                <a:latin typeface="メイリオ"/>
                <a:cs typeface="メイリオ"/>
              </a:rPr>
              <a:t>）</a:t>
            </a:r>
            <a:r>
              <a:rPr sz="770" spc="-35" dirty="0">
                <a:latin typeface="メイリオ"/>
                <a:cs typeface="メイリオ"/>
              </a:rPr>
              <a:t>第 </a:t>
            </a:r>
            <a:r>
              <a:rPr sz="770" dirty="0">
                <a:latin typeface="メイリオ"/>
                <a:cs typeface="メイリオ"/>
              </a:rPr>
              <a:t>6</a:t>
            </a:r>
            <a:r>
              <a:rPr sz="770" spc="-19" dirty="0">
                <a:latin typeface="メイリオ"/>
                <a:cs typeface="メイリオ"/>
              </a:rPr>
              <a:t> 条に基づく⺠間提案の提出がありました。</a:t>
            </a:r>
            <a:endParaRPr sz="770">
              <a:latin typeface="メイリオ"/>
              <a:cs typeface="メイリオ"/>
            </a:endParaRPr>
          </a:p>
          <a:p>
            <a:pPr marL="94069" marR="50089" indent="97734" algn="just">
              <a:lnSpc>
                <a:spcPct val="125000"/>
              </a:lnSpc>
            </a:pPr>
            <a:r>
              <a:rPr sz="770" spc="3" dirty="0">
                <a:latin typeface="メイリオ"/>
                <a:cs typeface="メイリオ"/>
              </a:rPr>
              <a:t>P</a:t>
            </a:r>
            <a:r>
              <a:rPr sz="770" spc="-3" dirty="0">
                <a:latin typeface="メイリオ"/>
                <a:cs typeface="メイリオ"/>
              </a:rPr>
              <a:t>F</a:t>
            </a:r>
            <a:r>
              <a:rPr sz="770" dirty="0">
                <a:latin typeface="メイリオ"/>
                <a:cs typeface="メイリオ"/>
              </a:rPr>
              <a:t>I</a:t>
            </a:r>
            <a:r>
              <a:rPr sz="770" spc="-38" dirty="0">
                <a:latin typeface="メイリオ"/>
                <a:cs typeface="メイリオ"/>
              </a:rPr>
              <a:t> 法第 </a:t>
            </a:r>
            <a:r>
              <a:rPr sz="770" dirty="0">
                <a:latin typeface="メイリオ"/>
                <a:cs typeface="メイリオ"/>
              </a:rPr>
              <a:t>6</a:t>
            </a:r>
            <a:r>
              <a:rPr sz="770" spc="-26" dirty="0">
                <a:latin typeface="メイリオ"/>
                <a:cs typeface="メイリオ"/>
              </a:rPr>
              <a:t> 条に基づく⺠間提案は、⺠間事業者が、施設管理者である国や⾃治体等に対し、</a:t>
            </a:r>
            <a:r>
              <a:rPr sz="770" spc="3" dirty="0">
                <a:latin typeface="メイリオ"/>
                <a:cs typeface="メイリオ"/>
              </a:rPr>
              <a:t>P</a:t>
            </a:r>
            <a:r>
              <a:rPr sz="770" spc="-3" dirty="0">
                <a:latin typeface="メイリオ"/>
                <a:cs typeface="メイリオ"/>
              </a:rPr>
              <a:t>F</a:t>
            </a:r>
            <a:r>
              <a:rPr sz="770" dirty="0">
                <a:latin typeface="メイリオ"/>
                <a:cs typeface="メイリオ"/>
              </a:rPr>
              <a:t>I</a:t>
            </a:r>
            <a:r>
              <a:rPr sz="770" spc="-38" dirty="0">
                <a:latin typeface="メイリオ"/>
                <a:cs typeface="メイリオ"/>
              </a:rPr>
              <a:t> 事</a:t>
            </a:r>
            <a:r>
              <a:rPr sz="770" spc="-48" dirty="0">
                <a:latin typeface="メイリオ"/>
                <a:cs typeface="メイリオ"/>
              </a:rPr>
              <a:t>業の実施を提案できる制度であり、法律上、施設管理者には⺠間事業者の提案について、応答義務</a:t>
            </a:r>
            <a:r>
              <a:rPr sz="770" dirty="0">
                <a:latin typeface="メイリオ"/>
                <a:cs typeface="メイリオ"/>
              </a:rPr>
              <a:t>（当該提案について検討し、その結果を遅滞なく事業者に通知する必要）があるものとされています。</a:t>
            </a:r>
            <a:endParaRPr sz="770">
              <a:latin typeface="メイリオ"/>
              <a:cs typeface="メイリオ"/>
            </a:endParaRPr>
          </a:p>
          <a:p>
            <a:pPr marL="94069" marR="50089" indent="97734">
              <a:lnSpc>
                <a:spcPct val="125000"/>
              </a:lnSpc>
            </a:pPr>
            <a:r>
              <a:rPr sz="770" spc="-32" dirty="0">
                <a:latin typeface="メイリオ"/>
                <a:cs typeface="メイリオ"/>
              </a:rPr>
              <a:t>この度、提案者の知的財産等に配慮しながら、当該提案内容について検証・審査を⾏い、提案に対</a:t>
            </a:r>
            <a:r>
              <a:rPr sz="770" dirty="0">
                <a:latin typeface="メイリオ"/>
                <a:cs typeface="メイリオ"/>
              </a:rPr>
              <a:t>する本市の方針（検討結果）</a:t>
            </a:r>
            <a:r>
              <a:rPr sz="770" spc="-3" dirty="0">
                <a:latin typeface="メイリオ"/>
                <a:cs typeface="メイリオ"/>
              </a:rPr>
              <a:t>を決定したことから、その概要を公表するものです。</a:t>
            </a:r>
            <a:endParaRPr sz="770">
              <a:latin typeface="メイリオ"/>
              <a:cs typeface="メイリオ"/>
            </a:endParaRPr>
          </a:p>
        </p:txBody>
      </p:sp>
      <p:sp>
        <p:nvSpPr>
          <p:cNvPr id="21" name="object 21"/>
          <p:cNvSpPr txBox="1"/>
          <p:nvPr/>
        </p:nvSpPr>
        <p:spPr>
          <a:xfrm>
            <a:off x="6201720" y="632726"/>
            <a:ext cx="4121316" cy="778489"/>
          </a:xfrm>
          <a:prstGeom prst="rect">
            <a:avLst/>
          </a:prstGeom>
        </p:spPr>
        <p:txBody>
          <a:bodyPr vert="horz" wrap="square" lIns="0" tIns="58236" rIns="0" bIns="0" rtlCol="0">
            <a:spAutoFit/>
          </a:bodyPr>
          <a:lstStyle/>
          <a:p>
            <a:pPr marL="8145">
              <a:spcBef>
                <a:spcPts val="459"/>
              </a:spcBef>
              <a:tabLst>
                <a:tab pos="236598" algn="l"/>
              </a:tabLst>
            </a:pPr>
            <a:r>
              <a:rPr sz="898" b="1" u="sng" spc="-32" dirty="0">
                <a:uFill>
                  <a:solidFill>
                    <a:srgbClr val="000000"/>
                  </a:solidFill>
                </a:uFill>
                <a:latin typeface="Yu Gothic UI"/>
                <a:cs typeface="Yu Gothic UI"/>
              </a:rPr>
              <a:t>３</a:t>
            </a:r>
            <a:r>
              <a:rPr sz="898" b="1" u="sng" dirty="0">
                <a:uFill>
                  <a:solidFill>
                    <a:srgbClr val="000000"/>
                  </a:solidFill>
                </a:uFill>
                <a:latin typeface="Yu Gothic UI"/>
                <a:cs typeface="Yu Gothic UI"/>
              </a:rPr>
              <a:t>	</a:t>
            </a:r>
            <a:r>
              <a:rPr sz="898" b="1" u="sng" spc="-13" dirty="0">
                <a:uFill>
                  <a:solidFill>
                    <a:srgbClr val="000000"/>
                  </a:solidFill>
                </a:uFill>
                <a:latin typeface="Yu Gothic UI"/>
                <a:cs typeface="Yu Gothic UI"/>
              </a:rPr>
              <a:t>提案内容の概要</a:t>
            </a:r>
            <a:endParaRPr sz="898">
              <a:latin typeface="Yu Gothic UI"/>
              <a:cs typeface="Yu Gothic UI"/>
            </a:endParaRPr>
          </a:p>
          <a:p>
            <a:pPr marL="8145">
              <a:spcBef>
                <a:spcPts val="391"/>
              </a:spcBef>
            </a:pPr>
            <a:r>
              <a:rPr sz="802" b="1" dirty="0">
                <a:latin typeface="Yu Gothic UI Semibold"/>
                <a:cs typeface="Yu Gothic UI Semibold"/>
              </a:rPr>
              <a:t>（１）</a:t>
            </a:r>
            <a:r>
              <a:rPr sz="802" b="1" spc="6" dirty="0">
                <a:latin typeface="Yu Gothic UI Semibold"/>
                <a:cs typeface="Yu Gothic UI Semibold"/>
              </a:rPr>
              <a:t>事業及び提案者</a:t>
            </a:r>
            <a:endParaRPr sz="802">
              <a:latin typeface="Yu Gothic UI Semibold"/>
              <a:cs typeface="Yu Gothic UI Semibold"/>
            </a:endParaRPr>
          </a:p>
          <a:p>
            <a:pPr marL="105879">
              <a:spcBef>
                <a:spcPts val="186"/>
              </a:spcBef>
              <a:tabLst>
                <a:tab pos="985078" algn="l"/>
              </a:tabLst>
            </a:pPr>
            <a:r>
              <a:rPr sz="770" dirty="0">
                <a:latin typeface="メイリオ"/>
                <a:cs typeface="メイリオ"/>
              </a:rPr>
              <a:t>【事業</a:t>
            </a:r>
            <a:r>
              <a:rPr sz="770" spc="-6" dirty="0">
                <a:latin typeface="メイリオ"/>
                <a:cs typeface="メイリオ"/>
              </a:rPr>
              <a:t>名</a:t>
            </a:r>
            <a:r>
              <a:rPr sz="770" dirty="0">
                <a:latin typeface="メイリオ"/>
                <a:cs typeface="メイリオ"/>
              </a:rPr>
              <a:t>】富⼭</a:t>
            </a:r>
            <a:r>
              <a:rPr sz="770" spc="-32" dirty="0">
                <a:latin typeface="メイリオ"/>
                <a:cs typeface="メイリオ"/>
              </a:rPr>
              <a:t>市</a:t>
            </a:r>
            <a:r>
              <a:rPr sz="770" dirty="0">
                <a:latin typeface="メイリオ"/>
                <a:cs typeface="メイリオ"/>
              </a:rPr>
              <a:t>	⾰新的橋梁更新及び包括維持管理</a:t>
            </a:r>
            <a:r>
              <a:rPr sz="770" spc="-71" dirty="0">
                <a:latin typeface="メイリオ"/>
                <a:cs typeface="メイリオ"/>
              </a:rPr>
              <a:t> </a:t>
            </a:r>
            <a:r>
              <a:rPr sz="770" dirty="0">
                <a:latin typeface="メイリオ"/>
                <a:cs typeface="メイリオ"/>
              </a:rPr>
              <a:t>PFI</a:t>
            </a:r>
            <a:r>
              <a:rPr sz="770" spc="-73" dirty="0">
                <a:latin typeface="メイリオ"/>
                <a:cs typeface="メイリオ"/>
              </a:rPr>
              <a:t> </a:t>
            </a:r>
            <a:r>
              <a:rPr sz="770" dirty="0">
                <a:latin typeface="メイリオ"/>
                <a:cs typeface="メイリオ"/>
              </a:rPr>
              <a:t>事</a:t>
            </a:r>
            <a:r>
              <a:rPr sz="770" spc="-32" dirty="0">
                <a:latin typeface="メイリオ"/>
                <a:cs typeface="メイリオ"/>
              </a:rPr>
              <a:t>業</a:t>
            </a:r>
            <a:endParaRPr sz="770">
              <a:latin typeface="メイリオ"/>
              <a:cs typeface="メイリオ"/>
            </a:endParaRPr>
          </a:p>
          <a:p>
            <a:pPr marL="105879">
              <a:spcBef>
                <a:spcPts val="231"/>
              </a:spcBef>
            </a:pPr>
            <a:r>
              <a:rPr sz="770" spc="-3" dirty="0">
                <a:latin typeface="メイリオ"/>
                <a:cs typeface="メイリオ"/>
              </a:rPr>
              <a:t>【提案者】パシフィックコンサルタンツ株式会社、株式会社熊谷組、株式会社横河ブリッジ</a:t>
            </a:r>
            <a:endParaRPr sz="770">
              <a:latin typeface="メイリオ"/>
              <a:cs typeface="メイリオ"/>
            </a:endParaRPr>
          </a:p>
        </p:txBody>
      </p:sp>
      <p:sp>
        <p:nvSpPr>
          <p:cNvPr id="22" name="object 22"/>
          <p:cNvSpPr txBox="1"/>
          <p:nvPr/>
        </p:nvSpPr>
        <p:spPr>
          <a:xfrm>
            <a:off x="6201721" y="1387164"/>
            <a:ext cx="1942964" cy="134535"/>
          </a:xfrm>
          <a:prstGeom prst="rect">
            <a:avLst/>
          </a:prstGeom>
        </p:spPr>
        <p:txBody>
          <a:bodyPr vert="horz" wrap="square" lIns="0" tIns="10996" rIns="0" bIns="0" rtlCol="0">
            <a:spAutoFit/>
          </a:bodyPr>
          <a:lstStyle/>
          <a:p>
            <a:pPr marL="8145">
              <a:spcBef>
                <a:spcPts val="87"/>
              </a:spcBef>
            </a:pPr>
            <a:r>
              <a:rPr sz="802" b="1" dirty="0">
                <a:latin typeface="Yu Gothic UI Semibold"/>
                <a:cs typeface="Yu Gothic UI Semibold"/>
              </a:rPr>
              <a:t>（２）</a:t>
            </a:r>
            <a:r>
              <a:rPr sz="802" b="1" spc="-3" dirty="0">
                <a:latin typeface="Yu Gothic UI Semibold"/>
                <a:cs typeface="Yu Gothic UI Semibold"/>
              </a:rPr>
              <a:t>主要課題と解決⽅策、事業コンセプト</a:t>
            </a:r>
            <a:endParaRPr sz="802">
              <a:latin typeface="Yu Gothic UI Semibold"/>
              <a:cs typeface="Yu Gothic UI Semibold"/>
            </a:endParaRPr>
          </a:p>
        </p:txBody>
      </p:sp>
      <p:sp>
        <p:nvSpPr>
          <p:cNvPr id="23" name="object 23"/>
          <p:cNvSpPr txBox="1"/>
          <p:nvPr/>
        </p:nvSpPr>
        <p:spPr>
          <a:xfrm>
            <a:off x="6201720" y="2482406"/>
            <a:ext cx="1598843" cy="1519667"/>
          </a:xfrm>
          <a:prstGeom prst="rect">
            <a:avLst/>
          </a:prstGeom>
        </p:spPr>
        <p:txBody>
          <a:bodyPr vert="horz" wrap="square" lIns="0" tIns="64345" rIns="0" bIns="0" rtlCol="0">
            <a:spAutoFit/>
          </a:bodyPr>
          <a:lstStyle/>
          <a:p>
            <a:pPr marL="8145">
              <a:spcBef>
                <a:spcPts val="507"/>
              </a:spcBef>
            </a:pPr>
            <a:r>
              <a:rPr sz="802" b="1" dirty="0">
                <a:latin typeface="Yu Gothic UI Semibold"/>
                <a:cs typeface="Yu Gothic UI Semibold"/>
              </a:rPr>
              <a:t>（３）</a:t>
            </a:r>
            <a:r>
              <a:rPr sz="802" b="1" spc="-3" dirty="0">
                <a:latin typeface="Yu Gothic UI Semibold"/>
                <a:cs typeface="Yu Gothic UI Semibold"/>
              </a:rPr>
              <a:t>事業スキーム</a:t>
            </a:r>
            <a:endParaRPr sz="802">
              <a:latin typeface="Yu Gothic UI Semibold"/>
              <a:cs typeface="Yu Gothic UI Semibold"/>
            </a:endParaRPr>
          </a:p>
          <a:p>
            <a:pPr marL="244335" marR="3258" indent="-97734" algn="just">
              <a:lnSpc>
                <a:spcPct val="114599"/>
              </a:lnSpc>
              <a:spcBef>
                <a:spcPts val="260"/>
              </a:spcBef>
            </a:pPr>
            <a:r>
              <a:rPr sz="770" dirty="0">
                <a:latin typeface="メイリオ"/>
                <a:cs typeface="メイリオ"/>
              </a:rPr>
              <a:t>・PFI</a:t>
            </a:r>
            <a:r>
              <a:rPr sz="770" spc="-3" dirty="0">
                <a:latin typeface="メイリオ"/>
                <a:cs typeface="メイリオ"/>
              </a:rPr>
              <a:t> 事業サービス購入型(橋梁</a:t>
            </a:r>
            <a:r>
              <a:rPr sz="770" spc="-6" dirty="0">
                <a:latin typeface="メイリオ"/>
                <a:cs typeface="メイリオ"/>
              </a:rPr>
              <a:t>包括管理業務:RO</a:t>
            </a:r>
            <a:r>
              <a:rPr sz="770" spc="-61" dirty="0">
                <a:latin typeface="メイリオ"/>
                <a:cs typeface="メイリオ"/>
              </a:rPr>
              <a:t> 方式、⼤規模</a:t>
            </a:r>
            <a:r>
              <a:rPr sz="770" spc="-6" dirty="0">
                <a:latin typeface="メイリオ"/>
                <a:cs typeface="メイリオ"/>
              </a:rPr>
              <a:t>更新事業:</a:t>
            </a:r>
            <a:r>
              <a:rPr sz="770" spc="-22" dirty="0">
                <a:latin typeface="メイリオ"/>
                <a:cs typeface="メイリオ"/>
              </a:rPr>
              <a:t>BTO</a:t>
            </a:r>
            <a:r>
              <a:rPr sz="770" spc="-45" dirty="0">
                <a:latin typeface="メイリオ"/>
                <a:cs typeface="メイリオ"/>
              </a:rPr>
              <a:t> 方式)による実施</a:t>
            </a:r>
            <a:endParaRPr sz="770">
              <a:latin typeface="メイリオ"/>
              <a:cs typeface="メイリオ"/>
            </a:endParaRPr>
          </a:p>
          <a:p>
            <a:pPr marL="244335" indent="-97734" algn="just">
              <a:spcBef>
                <a:spcPts val="131"/>
              </a:spcBef>
            </a:pPr>
            <a:r>
              <a:rPr sz="770" spc="-26" dirty="0">
                <a:latin typeface="メイリオ"/>
                <a:cs typeface="メイリオ"/>
              </a:rPr>
              <a:t>・実施体制は </a:t>
            </a:r>
            <a:r>
              <a:rPr sz="770" spc="-51" dirty="0">
                <a:latin typeface="メイリオ"/>
                <a:cs typeface="メイリオ"/>
              </a:rPr>
              <a:t>SPC（</a:t>
            </a:r>
            <a:r>
              <a:rPr sz="770" spc="-22" dirty="0">
                <a:latin typeface="メイリオ"/>
                <a:cs typeface="メイリオ"/>
              </a:rPr>
              <a:t>提案 </a:t>
            </a:r>
            <a:r>
              <a:rPr sz="770" dirty="0">
                <a:latin typeface="メイリオ"/>
                <a:cs typeface="メイリオ"/>
              </a:rPr>
              <a:t>3</a:t>
            </a:r>
            <a:r>
              <a:rPr sz="770" spc="-29" dirty="0">
                <a:latin typeface="メイリオ"/>
                <a:cs typeface="メイリオ"/>
              </a:rPr>
              <a:t> 社+地</a:t>
            </a:r>
            <a:endParaRPr sz="770">
              <a:latin typeface="メイリオ"/>
              <a:cs typeface="メイリオ"/>
            </a:endParaRPr>
          </a:p>
          <a:p>
            <a:pPr marL="244335" marR="6108">
              <a:lnSpc>
                <a:spcPct val="114199"/>
              </a:lnSpc>
              <a:spcBef>
                <a:spcPts val="6"/>
              </a:spcBef>
            </a:pPr>
            <a:r>
              <a:rPr sz="770" spc="-3" dirty="0">
                <a:latin typeface="メイリオ"/>
                <a:cs typeface="メイリオ"/>
              </a:rPr>
              <a:t>元企業を想定</a:t>
            </a:r>
            <a:r>
              <a:rPr sz="770" spc="-385" dirty="0">
                <a:latin typeface="メイリオ"/>
                <a:cs typeface="メイリオ"/>
              </a:rPr>
              <a:t>）</a:t>
            </a:r>
            <a:r>
              <a:rPr sz="770" spc="-83" dirty="0">
                <a:latin typeface="メイリオ"/>
                <a:cs typeface="メイリオ"/>
              </a:rPr>
              <a:t>、⾦融機関、地元</a:t>
            </a:r>
            <a:r>
              <a:rPr sz="770" spc="-6" dirty="0">
                <a:latin typeface="メイリオ"/>
                <a:cs typeface="メイリオ"/>
              </a:rPr>
              <a:t>企業等の連携</a:t>
            </a:r>
            <a:endParaRPr sz="770">
              <a:latin typeface="メイリオ"/>
              <a:cs typeface="メイリオ"/>
            </a:endParaRPr>
          </a:p>
          <a:p>
            <a:pPr marL="244335" marR="4887" indent="-97734">
              <a:lnSpc>
                <a:spcPts val="1071"/>
              </a:lnSpc>
              <a:spcBef>
                <a:spcPts val="51"/>
              </a:spcBef>
            </a:pPr>
            <a:r>
              <a:rPr sz="770" spc="32" dirty="0">
                <a:latin typeface="メイリオ"/>
                <a:cs typeface="メイリオ"/>
              </a:rPr>
              <a:t>・架替え事業費は⺠間事業者が</a:t>
            </a:r>
            <a:r>
              <a:rPr sz="770" spc="-10" dirty="0">
                <a:latin typeface="メイリオ"/>
                <a:cs typeface="メイリオ"/>
              </a:rPr>
              <a:t>資⾦調達</a:t>
            </a:r>
            <a:endParaRPr sz="770">
              <a:latin typeface="メイリオ"/>
              <a:cs typeface="メイリオ"/>
            </a:endParaRPr>
          </a:p>
          <a:p>
            <a:pPr marL="8145">
              <a:spcBef>
                <a:spcPts val="507"/>
              </a:spcBef>
            </a:pPr>
            <a:r>
              <a:rPr sz="802" b="1" dirty="0">
                <a:latin typeface="Yu Gothic UI Semibold"/>
                <a:cs typeface="Yu Gothic UI Semibold"/>
              </a:rPr>
              <a:t>（３）</a:t>
            </a:r>
            <a:r>
              <a:rPr sz="802" b="1" spc="-6" dirty="0">
                <a:latin typeface="Yu Gothic UI Semibold"/>
                <a:cs typeface="Yu Gothic UI Semibold"/>
              </a:rPr>
              <a:t>提案の内容と効果</a:t>
            </a:r>
            <a:endParaRPr sz="802">
              <a:latin typeface="Yu Gothic UI Semibold"/>
              <a:cs typeface="Yu Gothic UI Semibold"/>
            </a:endParaRPr>
          </a:p>
        </p:txBody>
      </p:sp>
      <p:sp>
        <p:nvSpPr>
          <p:cNvPr id="24" name="object 24"/>
          <p:cNvSpPr txBox="1"/>
          <p:nvPr/>
        </p:nvSpPr>
        <p:spPr>
          <a:xfrm>
            <a:off x="6201720" y="6168364"/>
            <a:ext cx="4046790" cy="116305"/>
          </a:xfrm>
          <a:prstGeom prst="rect">
            <a:avLst/>
          </a:prstGeom>
        </p:spPr>
        <p:txBody>
          <a:bodyPr vert="horz" wrap="square" lIns="0" tIns="7738" rIns="0" bIns="0" rtlCol="0">
            <a:spAutoFit/>
          </a:bodyPr>
          <a:lstStyle/>
          <a:p>
            <a:pPr marL="8145">
              <a:spcBef>
                <a:spcPts val="61"/>
              </a:spcBef>
            </a:pPr>
            <a:r>
              <a:rPr sz="705" spc="-10" dirty="0">
                <a:latin typeface="メイリオ"/>
                <a:cs typeface="メイリオ"/>
              </a:rPr>
              <a:t>※事業費は、多くの仮定条件の下での概算費⽤であり、今後の調査・設計の深度化により変動がある</a:t>
            </a:r>
            <a:endParaRPr sz="705">
              <a:latin typeface="メイリオ"/>
              <a:cs typeface="メイリオ"/>
            </a:endParaRPr>
          </a:p>
        </p:txBody>
      </p:sp>
      <p:sp>
        <p:nvSpPr>
          <p:cNvPr id="25" name="object 25"/>
          <p:cNvSpPr/>
          <p:nvPr/>
        </p:nvSpPr>
        <p:spPr>
          <a:xfrm>
            <a:off x="1706065" y="2156099"/>
            <a:ext cx="4271182" cy="829150"/>
          </a:xfrm>
          <a:custGeom>
            <a:avLst/>
            <a:gdLst/>
            <a:ahLst/>
            <a:cxnLst/>
            <a:rect l="l" t="t" r="r" b="b"/>
            <a:pathLst>
              <a:path w="6659880" h="1292860">
                <a:moveTo>
                  <a:pt x="6659880" y="0"/>
                </a:moveTo>
                <a:lnTo>
                  <a:pt x="0" y="0"/>
                </a:lnTo>
                <a:lnTo>
                  <a:pt x="0" y="1292352"/>
                </a:lnTo>
                <a:lnTo>
                  <a:pt x="6659880" y="1292352"/>
                </a:lnTo>
                <a:lnTo>
                  <a:pt x="6659880" y="0"/>
                </a:lnTo>
                <a:close/>
              </a:path>
            </a:pathLst>
          </a:custGeom>
          <a:solidFill>
            <a:srgbClr val="FFFFFF"/>
          </a:solidFill>
        </p:spPr>
        <p:txBody>
          <a:bodyPr wrap="square" lIns="0" tIns="0" rIns="0" bIns="0" rtlCol="0"/>
          <a:lstStyle/>
          <a:p>
            <a:endParaRPr sz="1154"/>
          </a:p>
        </p:txBody>
      </p:sp>
      <p:sp>
        <p:nvSpPr>
          <p:cNvPr id="26" name="object 26"/>
          <p:cNvSpPr txBox="1"/>
          <p:nvPr/>
        </p:nvSpPr>
        <p:spPr>
          <a:xfrm>
            <a:off x="1698897" y="2217447"/>
            <a:ext cx="407245" cy="126308"/>
          </a:xfrm>
          <a:prstGeom prst="rect">
            <a:avLst/>
          </a:prstGeom>
        </p:spPr>
        <p:txBody>
          <a:bodyPr vert="horz" wrap="square" lIns="0" tIns="7738" rIns="0" bIns="0" rtlCol="0">
            <a:spAutoFit/>
          </a:bodyPr>
          <a:lstStyle/>
          <a:p>
            <a:pPr marL="8145">
              <a:spcBef>
                <a:spcPts val="61"/>
              </a:spcBef>
            </a:pPr>
            <a:r>
              <a:rPr sz="770" spc="-10" dirty="0">
                <a:latin typeface="メイリオ"/>
                <a:cs typeface="メイリオ"/>
              </a:rPr>
              <a:t>令和元年</a:t>
            </a:r>
            <a:endParaRPr sz="770">
              <a:latin typeface="メイリオ"/>
              <a:cs typeface="メイリオ"/>
            </a:endParaRPr>
          </a:p>
        </p:txBody>
      </p:sp>
      <p:sp>
        <p:nvSpPr>
          <p:cNvPr id="27" name="object 27"/>
          <p:cNvSpPr txBox="1"/>
          <p:nvPr/>
        </p:nvSpPr>
        <p:spPr>
          <a:xfrm>
            <a:off x="1698897" y="2703208"/>
            <a:ext cx="407245" cy="126308"/>
          </a:xfrm>
          <a:prstGeom prst="rect">
            <a:avLst/>
          </a:prstGeom>
        </p:spPr>
        <p:txBody>
          <a:bodyPr vert="horz" wrap="square" lIns="0" tIns="7738" rIns="0" bIns="0" rtlCol="0">
            <a:spAutoFit/>
          </a:bodyPr>
          <a:lstStyle/>
          <a:p>
            <a:pPr marL="8145">
              <a:spcBef>
                <a:spcPts val="61"/>
              </a:spcBef>
            </a:pPr>
            <a:r>
              <a:rPr sz="770" spc="-10" dirty="0">
                <a:latin typeface="メイリオ"/>
                <a:cs typeface="メイリオ"/>
              </a:rPr>
              <a:t>令和２年</a:t>
            </a:r>
            <a:endParaRPr sz="770">
              <a:latin typeface="メイリオ"/>
              <a:cs typeface="メイリオ"/>
            </a:endParaRPr>
          </a:p>
        </p:txBody>
      </p:sp>
      <p:sp>
        <p:nvSpPr>
          <p:cNvPr id="28" name="object 28"/>
          <p:cNvSpPr txBox="1"/>
          <p:nvPr/>
        </p:nvSpPr>
        <p:spPr>
          <a:xfrm>
            <a:off x="2120478" y="2161618"/>
            <a:ext cx="765620" cy="654852"/>
          </a:xfrm>
          <a:prstGeom prst="rect">
            <a:avLst/>
          </a:prstGeom>
        </p:spPr>
        <p:txBody>
          <a:bodyPr vert="horz" wrap="square" lIns="0" tIns="52127" rIns="0" bIns="0" rtlCol="0">
            <a:spAutoFit/>
          </a:bodyPr>
          <a:lstStyle/>
          <a:p>
            <a:pPr marL="84703">
              <a:spcBef>
                <a:spcPts val="410"/>
              </a:spcBef>
            </a:pPr>
            <a:r>
              <a:rPr sz="770" dirty="0">
                <a:latin typeface="メイリオ"/>
                <a:cs typeface="メイリオ"/>
              </a:rPr>
              <a:t>8</a:t>
            </a:r>
            <a:r>
              <a:rPr sz="770" spc="-29" dirty="0">
                <a:latin typeface="メイリオ"/>
                <a:cs typeface="メイリオ"/>
              </a:rPr>
              <a:t> 月中旬</a:t>
            </a:r>
            <a:endParaRPr sz="770">
              <a:latin typeface="メイリオ"/>
              <a:cs typeface="メイリオ"/>
            </a:endParaRPr>
          </a:p>
          <a:p>
            <a:pPr marR="19547" algn="r">
              <a:spcBef>
                <a:spcPts val="346"/>
              </a:spcBef>
            </a:pPr>
            <a:r>
              <a:rPr sz="770" spc="-6" dirty="0">
                <a:latin typeface="メイリオ"/>
                <a:cs typeface="メイリオ"/>
              </a:rPr>
              <a:t>11</a:t>
            </a:r>
            <a:r>
              <a:rPr sz="770" spc="-51" dirty="0">
                <a:latin typeface="メイリオ"/>
                <a:cs typeface="メイリオ"/>
              </a:rPr>
              <a:t> 月 </a:t>
            </a:r>
            <a:r>
              <a:rPr sz="770" spc="-6" dirty="0">
                <a:latin typeface="メイリオ"/>
                <a:cs typeface="メイリオ"/>
              </a:rPr>
              <a:t>28</a:t>
            </a:r>
            <a:r>
              <a:rPr sz="770" spc="16" dirty="0">
                <a:latin typeface="メイリオ"/>
                <a:cs typeface="メイリオ"/>
              </a:rPr>
              <a:t> ⽇(木)</a:t>
            </a:r>
            <a:endParaRPr sz="770">
              <a:latin typeface="メイリオ"/>
              <a:cs typeface="メイリオ"/>
            </a:endParaRPr>
          </a:p>
          <a:p>
            <a:pPr marR="19547" algn="r">
              <a:spcBef>
                <a:spcPts val="353"/>
              </a:spcBef>
            </a:pPr>
            <a:r>
              <a:rPr sz="770" spc="-6" dirty="0">
                <a:latin typeface="メイリオ"/>
                <a:cs typeface="メイリオ"/>
              </a:rPr>
              <a:t>12</a:t>
            </a:r>
            <a:r>
              <a:rPr sz="770" spc="-51" dirty="0">
                <a:latin typeface="メイリオ"/>
                <a:cs typeface="メイリオ"/>
              </a:rPr>
              <a:t> 月 </a:t>
            </a:r>
            <a:r>
              <a:rPr sz="770" spc="-6" dirty="0">
                <a:latin typeface="メイリオ"/>
                <a:cs typeface="メイリオ"/>
              </a:rPr>
              <a:t>16</a:t>
            </a:r>
            <a:r>
              <a:rPr sz="770" spc="16" dirty="0">
                <a:latin typeface="メイリオ"/>
                <a:cs typeface="メイリオ"/>
              </a:rPr>
              <a:t> ⽇(月)</a:t>
            </a:r>
            <a:endParaRPr sz="770">
              <a:latin typeface="メイリオ"/>
              <a:cs typeface="メイリオ"/>
            </a:endParaRPr>
          </a:p>
          <a:p>
            <a:pPr marR="19547" algn="r">
              <a:spcBef>
                <a:spcPts val="346"/>
              </a:spcBef>
            </a:pPr>
            <a:r>
              <a:rPr sz="770" dirty="0">
                <a:latin typeface="メイリオ"/>
                <a:cs typeface="メイリオ"/>
              </a:rPr>
              <a:t>3</a:t>
            </a:r>
            <a:r>
              <a:rPr sz="770" spc="-55" dirty="0">
                <a:latin typeface="メイリオ"/>
                <a:cs typeface="メイリオ"/>
              </a:rPr>
              <a:t> 月 </a:t>
            </a:r>
            <a:r>
              <a:rPr sz="770" spc="-6" dirty="0">
                <a:latin typeface="メイリオ"/>
                <a:cs typeface="メイリオ"/>
              </a:rPr>
              <a:t>18</a:t>
            </a:r>
            <a:r>
              <a:rPr sz="770" spc="58" dirty="0">
                <a:latin typeface="メイリオ"/>
                <a:cs typeface="メイリオ"/>
              </a:rPr>
              <a:t> ⽇</a:t>
            </a:r>
            <a:r>
              <a:rPr sz="1154" spc="-19" baseline="11574" dirty="0">
                <a:latin typeface="メイリオ"/>
                <a:cs typeface="メイリオ"/>
              </a:rPr>
              <a:t>(月)</a:t>
            </a:r>
            <a:endParaRPr sz="1154" baseline="11574">
              <a:latin typeface="メイリオ"/>
              <a:cs typeface="メイリオ"/>
            </a:endParaRPr>
          </a:p>
        </p:txBody>
      </p:sp>
      <p:sp>
        <p:nvSpPr>
          <p:cNvPr id="29" name="object 29"/>
          <p:cNvSpPr txBox="1"/>
          <p:nvPr/>
        </p:nvSpPr>
        <p:spPr>
          <a:xfrm>
            <a:off x="2922587" y="2161618"/>
            <a:ext cx="2948451" cy="661521"/>
          </a:xfrm>
          <a:prstGeom prst="rect">
            <a:avLst/>
          </a:prstGeom>
        </p:spPr>
        <p:txBody>
          <a:bodyPr vert="horz" wrap="square" lIns="0" tIns="52127" rIns="0" bIns="0" rtlCol="0">
            <a:spAutoFit/>
          </a:bodyPr>
          <a:lstStyle/>
          <a:p>
            <a:pPr marL="8145">
              <a:spcBef>
                <a:spcPts val="410"/>
              </a:spcBef>
            </a:pPr>
            <a:r>
              <a:rPr sz="770" spc="-3" dirty="0">
                <a:latin typeface="メイリオ"/>
                <a:cs typeface="メイリオ"/>
              </a:rPr>
              <a:t>提案者より、</a:t>
            </a:r>
            <a:r>
              <a:rPr sz="770" dirty="0">
                <a:latin typeface="メイリオ"/>
                <a:cs typeface="メイリオ"/>
              </a:rPr>
              <a:t>PFI</a:t>
            </a:r>
            <a:r>
              <a:rPr sz="770" spc="-19" dirty="0">
                <a:latin typeface="メイリオ"/>
                <a:cs typeface="メイリオ"/>
              </a:rPr>
              <a:t> 法第６条に基づく提案の示唆</a:t>
            </a:r>
            <a:endParaRPr sz="770">
              <a:latin typeface="メイリオ"/>
              <a:cs typeface="メイリオ"/>
            </a:endParaRPr>
          </a:p>
          <a:p>
            <a:pPr marL="8145" marR="3258">
              <a:lnSpc>
                <a:spcPts val="1276"/>
              </a:lnSpc>
              <a:spcBef>
                <a:spcPts val="93"/>
              </a:spcBef>
            </a:pPr>
            <a:r>
              <a:rPr sz="770" spc="-6" dirty="0">
                <a:latin typeface="メイリオ"/>
                <a:cs typeface="メイリオ"/>
              </a:rPr>
              <a:t>提案者より、⺠間提案受領、提案書の形式的審査</a:t>
            </a:r>
            <a:r>
              <a:rPr sz="770" dirty="0">
                <a:latin typeface="メイリオ"/>
                <a:cs typeface="メイリオ"/>
              </a:rPr>
              <a:t>（書類審査）</a:t>
            </a:r>
            <a:r>
              <a:rPr sz="770" spc="-16" dirty="0">
                <a:latin typeface="メイリオ"/>
                <a:cs typeface="メイリオ"/>
              </a:rPr>
              <a:t>開始</a:t>
            </a:r>
            <a:r>
              <a:rPr sz="770" spc="-10" dirty="0">
                <a:latin typeface="メイリオ"/>
                <a:cs typeface="メイリオ"/>
              </a:rPr>
              <a:t>提案者へ提案書の受理の通知、審査・検討の開始</a:t>
            </a:r>
            <a:endParaRPr sz="770">
              <a:latin typeface="メイリオ"/>
              <a:cs typeface="メイリオ"/>
            </a:endParaRPr>
          </a:p>
          <a:p>
            <a:pPr marL="8145">
              <a:spcBef>
                <a:spcPts val="247"/>
              </a:spcBef>
            </a:pPr>
            <a:r>
              <a:rPr sz="770" spc="-10" dirty="0">
                <a:latin typeface="メイリオ"/>
                <a:cs typeface="メイリオ"/>
              </a:rPr>
              <a:t>提案者へ検討結果の通知</a:t>
            </a:r>
            <a:endParaRPr sz="770">
              <a:latin typeface="メイリオ"/>
              <a:cs typeface="メイリオ"/>
            </a:endParaRPr>
          </a:p>
        </p:txBody>
      </p:sp>
      <p:pic>
        <p:nvPicPr>
          <p:cNvPr id="30" name="object 30"/>
          <p:cNvPicPr/>
          <p:nvPr/>
        </p:nvPicPr>
        <p:blipFill>
          <a:blip r:embed="rId7" cstate="print"/>
          <a:stretch>
            <a:fillRect/>
          </a:stretch>
        </p:blipFill>
        <p:spPr>
          <a:xfrm>
            <a:off x="3976536" y="6222030"/>
            <a:ext cx="362610" cy="293216"/>
          </a:xfrm>
          <a:prstGeom prst="rect">
            <a:avLst/>
          </a:prstGeom>
        </p:spPr>
      </p:pic>
      <p:sp>
        <p:nvSpPr>
          <p:cNvPr id="31" name="object 31"/>
          <p:cNvSpPr txBox="1"/>
          <p:nvPr/>
        </p:nvSpPr>
        <p:spPr>
          <a:xfrm>
            <a:off x="4059288" y="6222030"/>
            <a:ext cx="195885" cy="247072"/>
          </a:xfrm>
          <a:prstGeom prst="rect">
            <a:avLst/>
          </a:prstGeom>
        </p:spPr>
        <p:txBody>
          <a:bodyPr vert="horz" wrap="square" lIns="0" tIns="8145" rIns="0" bIns="0" rtlCol="0">
            <a:spAutoFit/>
          </a:bodyPr>
          <a:lstStyle/>
          <a:p>
            <a:pPr marL="8145" marR="3258">
              <a:lnSpc>
                <a:spcPct val="114500"/>
              </a:lnSpc>
              <a:spcBef>
                <a:spcPts val="64"/>
              </a:spcBef>
            </a:pPr>
            <a:r>
              <a:rPr sz="705" b="1" spc="-16" dirty="0">
                <a:latin typeface="Yu Gothic UI Semibold"/>
                <a:cs typeface="Yu Gothic UI Semibold"/>
              </a:rPr>
              <a:t>継続検討</a:t>
            </a:r>
            <a:endParaRPr sz="705">
              <a:latin typeface="Yu Gothic UI Semibold"/>
              <a:cs typeface="Yu Gothic UI Semibold"/>
            </a:endParaRPr>
          </a:p>
        </p:txBody>
      </p:sp>
      <p:pic>
        <p:nvPicPr>
          <p:cNvPr id="32" name="object 32"/>
          <p:cNvPicPr/>
          <p:nvPr/>
        </p:nvPicPr>
        <p:blipFill>
          <a:blip r:embed="rId8" cstate="print"/>
          <a:stretch>
            <a:fillRect/>
          </a:stretch>
        </p:blipFill>
        <p:spPr>
          <a:xfrm>
            <a:off x="4483800" y="6222030"/>
            <a:ext cx="362610" cy="293216"/>
          </a:xfrm>
          <a:prstGeom prst="rect">
            <a:avLst/>
          </a:prstGeom>
        </p:spPr>
      </p:pic>
      <p:sp>
        <p:nvSpPr>
          <p:cNvPr id="33" name="object 33"/>
          <p:cNvSpPr txBox="1"/>
          <p:nvPr/>
        </p:nvSpPr>
        <p:spPr>
          <a:xfrm>
            <a:off x="4566552" y="6222030"/>
            <a:ext cx="195885" cy="247072"/>
          </a:xfrm>
          <a:prstGeom prst="rect">
            <a:avLst/>
          </a:prstGeom>
        </p:spPr>
        <p:txBody>
          <a:bodyPr vert="horz" wrap="square" lIns="0" tIns="8145" rIns="0" bIns="0" rtlCol="0">
            <a:spAutoFit/>
          </a:bodyPr>
          <a:lstStyle/>
          <a:p>
            <a:pPr marL="8145" marR="3258">
              <a:lnSpc>
                <a:spcPct val="114500"/>
              </a:lnSpc>
              <a:spcBef>
                <a:spcPts val="64"/>
              </a:spcBef>
            </a:pPr>
            <a:r>
              <a:rPr sz="705" b="1" spc="-16" dirty="0">
                <a:solidFill>
                  <a:srgbClr val="FFFFFF"/>
                </a:solidFill>
                <a:latin typeface="Yu Gothic UI Semibold"/>
                <a:cs typeface="Yu Gothic UI Semibold"/>
              </a:rPr>
              <a:t>検討終了</a:t>
            </a:r>
            <a:endParaRPr sz="705">
              <a:latin typeface="Yu Gothic UI Semibold"/>
              <a:cs typeface="Yu Gothic UI Semibold"/>
            </a:endParaRPr>
          </a:p>
        </p:txBody>
      </p:sp>
      <p:grpSp>
        <p:nvGrpSpPr>
          <p:cNvPr id="34" name="object 34"/>
          <p:cNvGrpSpPr/>
          <p:nvPr/>
        </p:nvGrpSpPr>
        <p:grpSpPr>
          <a:xfrm>
            <a:off x="2399033" y="5852578"/>
            <a:ext cx="2674376" cy="662994"/>
            <a:chOff x="1798320" y="9125686"/>
            <a:chExt cx="4170045" cy="1033780"/>
          </a:xfrm>
        </p:grpSpPr>
        <p:sp>
          <p:nvSpPr>
            <p:cNvPr id="35" name="object 35"/>
            <p:cNvSpPr/>
            <p:nvPr/>
          </p:nvSpPr>
          <p:spPr>
            <a:xfrm>
              <a:off x="4349496" y="9424390"/>
              <a:ext cx="361315" cy="273050"/>
            </a:xfrm>
            <a:custGeom>
              <a:avLst/>
              <a:gdLst/>
              <a:ahLst/>
              <a:cxnLst/>
              <a:rect l="l" t="t" r="r" b="b"/>
              <a:pathLst>
                <a:path w="361314" h="273050">
                  <a:moveTo>
                    <a:pt x="260604" y="131064"/>
                  </a:moveTo>
                  <a:lnTo>
                    <a:pt x="80772" y="131064"/>
                  </a:lnTo>
                  <a:lnTo>
                    <a:pt x="80772" y="169164"/>
                  </a:lnTo>
                  <a:lnTo>
                    <a:pt x="260604" y="169164"/>
                  </a:lnTo>
                  <a:lnTo>
                    <a:pt x="260604" y="131064"/>
                  </a:lnTo>
                  <a:close/>
                </a:path>
                <a:path w="361314" h="273050">
                  <a:moveTo>
                    <a:pt x="260604" y="65532"/>
                  </a:moveTo>
                  <a:lnTo>
                    <a:pt x="80772" y="65532"/>
                  </a:lnTo>
                  <a:lnTo>
                    <a:pt x="80772" y="103632"/>
                  </a:lnTo>
                  <a:lnTo>
                    <a:pt x="260604" y="103632"/>
                  </a:lnTo>
                  <a:lnTo>
                    <a:pt x="260604" y="65532"/>
                  </a:lnTo>
                  <a:close/>
                </a:path>
                <a:path w="361314" h="273050">
                  <a:moveTo>
                    <a:pt x="260604" y="0"/>
                  </a:moveTo>
                  <a:lnTo>
                    <a:pt x="80772" y="0"/>
                  </a:lnTo>
                  <a:lnTo>
                    <a:pt x="80772" y="38100"/>
                  </a:lnTo>
                  <a:lnTo>
                    <a:pt x="260604" y="38100"/>
                  </a:lnTo>
                  <a:lnTo>
                    <a:pt x="260604" y="0"/>
                  </a:lnTo>
                  <a:close/>
                </a:path>
                <a:path w="361314" h="273050">
                  <a:moveTo>
                    <a:pt x="361188" y="201168"/>
                  </a:moveTo>
                  <a:lnTo>
                    <a:pt x="0" y="201168"/>
                  </a:lnTo>
                  <a:lnTo>
                    <a:pt x="181356" y="272796"/>
                  </a:lnTo>
                  <a:lnTo>
                    <a:pt x="361188" y="201168"/>
                  </a:lnTo>
                  <a:close/>
                </a:path>
              </a:pathLst>
            </a:custGeom>
            <a:solidFill>
              <a:srgbClr val="76923B"/>
            </a:solidFill>
          </p:spPr>
          <p:txBody>
            <a:bodyPr wrap="square" lIns="0" tIns="0" rIns="0" bIns="0" rtlCol="0"/>
            <a:lstStyle/>
            <a:p>
              <a:endParaRPr sz="1154"/>
            </a:p>
          </p:txBody>
        </p:sp>
        <p:sp>
          <p:nvSpPr>
            <p:cNvPr id="36" name="object 36"/>
            <p:cNvSpPr/>
            <p:nvPr/>
          </p:nvSpPr>
          <p:spPr>
            <a:xfrm>
              <a:off x="5151120" y="9424390"/>
              <a:ext cx="361315" cy="259079"/>
            </a:xfrm>
            <a:custGeom>
              <a:avLst/>
              <a:gdLst/>
              <a:ahLst/>
              <a:cxnLst/>
              <a:rect l="l" t="t" r="r" b="b"/>
              <a:pathLst>
                <a:path w="361314" h="259079">
                  <a:moveTo>
                    <a:pt x="271272" y="131064"/>
                  </a:moveTo>
                  <a:lnTo>
                    <a:pt x="91440" y="131064"/>
                  </a:lnTo>
                  <a:lnTo>
                    <a:pt x="91440" y="169164"/>
                  </a:lnTo>
                  <a:lnTo>
                    <a:pt x="271272" y="169164"/>
                  </a:lnTo>
                  <a:lnTo>
                    <a:pt x="271272" y="131064"/>
                  </a:lnTo>
                  <a:close/>
                </a:path>
                <a:path w="361314" h="259079">
                  <a:moveTo>
                    <a:pt x="271272" y="65532"/>
                  </a:moveTo>
                  <a:lnTo>
                    <a:pt x="91440" y="65532"/>
                  </a:lnTo>
                  <a:lnTo>
                    <a:pt x="91440" y="103632"/>
                  </a:lnTo>
                  <a:lnTo>
                    <a:pt x="271272" y="103632"/>
                  </a:lnTo>
                  <a:lnTo>
                    <a:pt x="271272" y="65532"/>
                  </a:lnTo>
                  <a:close/>
                </a:path>
                <a:path w="361314" h="259079">
                  <a:moveTo>
                    <a:pt x="271272" y="0"/>
                  </a:moveTo>
                  <a:lnTo>
                    <a:pt x="91440" y="0"/>
                  </a:lnTo>
                  <a:lnTo>
                    <a:pt x="91440" y="38100"/>
                  </a:lnTo>
                  <a:lnTo>
                    <a:pt x="271272" y="38100"/>
                  </a:lnTo>
                  <a:lnTo>
                    <a:pt x="271272" y="0"/>
                  </a:lnTo>
                  <a:close/>
                </a:path>
                <a:path w="361314" h="259079">
                  <a:moveTo>
                    <a:pt x="361188" y="187452"/>
                  </a:moveTo>
                  <a:lnTo>
                    <a:pt x="0" y="187452"/>
                  </a:lnTo>
                  <a:lnTo>
                    <a:pt x="181356" y="259080"/>
                  </a:lnTo>
                  <a:lnTo>
                    <a:pt x="361188" y="187452"/>
                  </a:lnTo>
                  <a:close/>
                </a:path>
              </a:pathLst>
            </a:custGeom>
            <a:solidFill>
              <a:srgbClr val="3D4042"/>
            </a:solidFill>
          </p:spPr>
          <p:txBody>
            <a:bodyPr wrap="square" lIns="0" tIns="0" rIns="0" bIns="0" rtlCol="0"/>
            <a:lstStyle/>
            <a:p>
              <a:endParaRPr sz="1154"/>
            </a:p>
          </p:txBody>
        </p:sp>
        <p:pic>
          <p:nvPicPr>
            <p:cNvPr id="37" name="object 37"/>
            <p:cNvPicPr/>
            <p:nvPr/>
          </p:nvPicPr>
          <p:blipFill>
            <a:blip r:embed="rId9" cstate="print"/>
            <a:stretch>
              <a:fillRect/>
            </a:stretch>
          </p:blipFill>
          <p:spPr>
            <a:xfrm>
              <a:off x="2159508" y="9701758"/>
              <a:ext cx="1464564" cy="457199"/>
            </a:xfrm>
            <a:prstGeom prst="rect">
              <a:avLst/>
            </a:prstGeom>
          </p:spPr>
        </p:pic>
        <p:sp>
          <p:nvSpPr>
            <p:cNvPr id="38" name="object 38"/>
            <p:cNvSpPr/>
            <p:nvPr/>
          </p:nvSpPr>
          <p:spPr>
            <a:xfrm>
              <a:off x="2683764" y="9305518"/>
              <a:ext cx="355600" cy="387350"/>
            </a:xfrm>
            <a:custGeom>
              <a:avLst/>
              <a:gdLst/>
              <a:ahLst/>
              <a:cxnLst/>
              <a:rect l="l" t="t" r="r" b="b"/>
              <a:pathLst>
                <a:path w="355600" h="387350">
                  <a:moveTo>
                    <a:pt x="355092" y="294132"/>
                  </a:moveTo>
                  <a:lnTo>
                    <a:pt x="269748" y="294132"/>
                  </a:lnTo>
                  <a:lnTo>
                    <a:pt x="269748" y="25908"/>
                  </a:lnTo>
                  <a:lnTo>
                    <a:pt x="269748" y="13716"/>
                  </a:lnTo>
                  <a:lnTo>
                    <a:pt x="269748" y="0"/>
                  </a:lnTo>
                  <a:lnTo>
                    <a:pt x="86868" y="0"/>
                  </a:lnTo>
                  <a:lnTo>
                    <a:pt x="86868" y="294132"/>
                  </a:lnTo>
                  <a:lnTo>
                    <a:pt x="0" y="294132"/>
                  </a:lnTo>
                  <a:lnTo>
                    <a:pt x="178308" y="387096"/>
                  </a:lnTo>
                  <a:lnTo>
                    <a:pt x="227571" y="361188"/>
                  </a:lnTo>
                  <a:lnTo>
                    <a:pt x="305816" y="320040"/>
                  </a:lnTo>
                  <a:lnTo>
                    <a:pt x="352183" y="295656"/>
                  </a:lnTo>
                  <a:lnTo>
                    <a:pt x="355092" y="294132"/>
                  </a:lnTo>
                  <a:close/>
                </a:path>
              </a:pathLst>
            </a:custGeom>
            <a:solidFill>
              <a:srgbClr val="00508D"/>
            </a:solidFill>
          </p:spPr>
          <p:txBody>
            <a:bodyPr wrap="square" lIns="0" tIns="0" rIns="0" bIns="0" rtlCol="0"/>
            <a:lstStyle/>
            <a:p>
              <a:endParaRPr sz="1154"/>
            </a:p>
          </p:txBody>
        </p:sp>
        <p:sp>
          <p:nvSpPr>
            <p:cNvPr id="39" name="object 39"/>
            <p:cNvSpPr/>
            <p:nvPr/>
          </p:nvSpPr>
          <p:spPr>
            <a:xfrm>
              <a:off x="1810512" y="9137878"/>
              <a:ext cx="4145279" cy="251460"/>
            </a:xfrm>
            <a:custGeom>
              <a:avLst/>
              <a:gdLst/>
              <a:ahLst/>
              <a:cxnLst/>
              <a:rect l="l" t="t" r="r" b="b"/>
              <a:pathLst>
                <a:path w="4145279" h="251459">
                  <a:moveTo>
                    <a:pt x="4018788" y="0"/>
                  </a:moveTo>
                  <a:lnTo>
                    <a:pt x="124968" y="0"/>
                  </a:lnTo>
                  <a:lnTo>
                    <a:pt x="76509" y="9905"/>
                  </a:lnTo>
                  <a:lnTo>
                    <a:pt x="36766" y="36956"/>
                  </a:lnTo>
                  <a:lnTo>
                    <a:pt x="9882" y="77152"/>
                  </a:lnTo>
                  <a:lnTo>
                    <a:pt x="0" y="126491"/>
                  </a:lnTo>
                  <a:lnTo>
                    <a:pt x="9882" y="174950"/>
                  </a:lnTo>
                  <a:lnTo>
                    <a:pt x="36766" y="214693"/>
                  </a:lnTo>
                  <a:lnTo>
                    <a:pt x="76509" y="241577"/>
                  </a:lnTo>
                  <a:lnTo>
                    <a:pt x="124968" y="251459"/>
                  </a:lnTo>
                  <a:lnTo>
                    <a:pt x="4018788" y="251459"/>
                  </a:lnTo>
                  <a:lnTo>
                    <a:pt x="4068127" y="241577"/>
                  </a:lnTo>
                  <a:lnTo>
                    <a:pt x="4108323" y="214693"/>
                  </a:lnTo>
                  <a:lnTo>
                    <a:pt x="4135374" y="174950"/>
                  </a:lnTo>
                  <a:lnTo>
                    <a:pt x="4145279" y="126491"/>
                  </a:lnTo>
                  <a:lnTo>
                    <a:pt x="4135374" y="77152"/>
                  </a:lnTo>
                  <a:lnTo>
                    <a:pt x="4108323" y="36956"/>
                  </a:lnTo>
                  <a:lnTo>
                    <a:pt x="4068127" y="9905"/>
                  </a:lnTo>
                  <a:lnTo>
                    <a:pt x="4018788" y="0"/>
                  </a:lnTo>
                  <a:close/>
                </a:path>
              </a:pathLst>
            </a:custGeom>
            <a:solidFill>
              <a:srgbClr val="FFFFFF"/>
            </a:solidFill>
          </p:spPr>
          <p:txBody>
            <a:bodyPr wrap="square" lIns="0" tIns="0" rIns="0" bIns="0" rtlCol="0"/>
            <a:lstStyle/>
            <a:p>
              <a:endParaRPr sz="1154"/>
            </a:p>
          </p:txBody>
        </p:sp>
        <p:sp>
          <p:nvSpPr>
            <p:cNvPr id="40" name="object 40"/>
            <p:cNvSpPr/>
            <p:nvPr/>
          </p:nvSpPr>
          <p:spPr>
            <a:xfrm>
              <a:off x="1798320" y="9125686"/>
              <a:ext cx="4170045" cy="277495"/>
            </a:xfrm>
            <a:custGeom>
              <a:avLst/>
              <a:gdLst/>
              <a:ahLst/>
              <a:cxnLst/>
              <a:rect l="l" t="t" r="r" b="b"/>
              <a:pathLst>
                <a:path w="4170045" h="277495">
                  <a:moveTo>
                    <a:pt x="4044696" y="0"/>
                  </a:moveTo>
                  <a:lnTo>
                    <a:pt x="123444" y="0"/>
                  </a:lnTo>
                  <a:lnTo>
                    <a:pt x="96012" y="6096"/>
                  </a:lnTo>
                  <a:lnTo>
                    <a:pt x="59436" y="24384"/>
                  </a:lnTo>
                  <a:lnTo>
                    <a:pt x="30480" y="50292"/>
                  </a:lnTo>
                  <a:lnTo>
                    <a:pt x="6096" y="97536"/>
                  </a:lnTo>
                  <a:lnTo>
                    <a:pt x="0" y="124968"/>
                  </a:lnTo>
                  <a:lnTo>
                    <a:pt x="0" y="152400"/>
                  </a:lnTo>
                  <a:lnTo>
                    <a:pt x="6096" y="179832"/>
                  </a:lnTo>
                  <a:lnTo>
                    <a:pt x="10668" y="192024"/>
                  </a:lnTo>
                  <a:lnTo>
                    <a:pt x="22860" y="216408"/>
                  </a:lnTo>
                  <a:lnTo>
                    <a:pt x="32004" y="227076"/>
                  </a:lnTo>
                  <a:lnTo>
                    <a:pt x="39624" y="236220"/>
                  </a:lnTo>
                  <a:lnTo>
                    <a:pt x="73152" y="260604"/>
                  </a:lnTo>
                  <a:lnTo>
                    <a:pt x="111252" y="274320"/>
                  </a:lnTo>
                  <a:lnTo>
                    <a:pt x="124968" y="275844"/>
                  </a:lnTo>
                  <a:lnTo>
                    <a:pt x="137160" y="277368"/>
                  </a:lnTo>
                  <a:lnTo>
                    <a:pt x="4032504" y="277368"/>
                  </a:lnTo>
                  <a:lnTo>
                    <a:pt x="4059936" y="274320"/>
                  </a:lnTo>
                  <a:lnTo>
                    <a:pt x="4098036" y="259080"/>
                  </a:lnTo>
                  <a:lnTo>
                    <a:pt x="4110837" y="251460"/>
                  </a:lnTo>
                  <a:lnTo>
                    <a:pt x="124968" y="251460"/>
                  </a:lnTo>
                  <a:lnTo>
                    <a:pt x="114300" y="248412"/>
                  </a:lnTo>
                  <a:lnTo>
                    <a:pt x="65532" y="225552"/>
                  </a:lnTo>
                  <a:lnTo>
                    <a:pt x="38100" y="192024"/>
                  </a:lnTo>
                  <a:lnTo>
                    <a:pt x="25908" y="149352"/>
                  </a:lnTo>
                  <a:lnTo>
                    <a:pt x="24384" y="137160"/>
                  </a:lnTo>
                  <a:lnTo>
                    <a:pt x="25908" y="126492"/>
                  </a:lnTo>
                  <a:lnTo>
                    <a:pt x="27432" y="114300"/>
                  </a:lnTo>
                  <a:lnTo>
                    <a:pt x="50292" y="65532"/>
                  </a:lnTo>
                  <a:lnTo>
                    <a:pt x="83820" y="38100"/>
                  </a:lnTo>
                  <a:lnTo>
                    <a:pt x="126492" y="25908"/>
                  </a:lnTo>
                  <a:lnTo>
                    <a:pt x="4112971" y="25908"/>
                  </a:lnTo>
                  <a:lnTo>
                    <a:pt x="4108704" y="22860"/>
                  </a:lnTo>
                  <a:lnTo>
                    <a:pt x="4084320" y="10668"/>
                  </a:lnTo>
                  <a:lnTo>
                    <a:pt x="4072128" y="6096"/>
                  </a:lnTo>
                  <a:lnTo>
                    <a:pt x="4044696" y="0"/>
                  </a:lnTo>
                  <a:close/>
                </a:path>
                <a:path w="4170045" h="277495">
                  <a:moveTo>
                    <a:pt x="4112971" y="25908"/>
                  </a:moveTo>
                  <a:lnTo>
                    <a:pt x="4043172" y="25908"/>
                  </a:lnTo>
                  <a:lnTo>
                    <a:pt x="4055364" y="27432"/>
                  </a:lnTo>
                  <a:lnTo>
                    <a:pt x="4066032" y="30480"/>
                  </a:lnTo>
                  <a:lnTo>
                    <a:pt x="4104132" y="51816"/>
                  </a:lnTo>
                  <a:lnTo>
                    <a:pt x="4131564" y="85344"/>
                  </a:lnTo>
                  <a:lnTo>
                    <a:pt x="4143755" y="128016"/>
                  </a:lnTo>
                  <a:lnTo>
                    <a:pt x="4143755" y="150876"/>
                  </a:lnTo>
                  <a:lnTo>
                    <a:pt x="4142232" y="161544"/>
                  </a:lnTo>
                  <a:lnTo>
                    <a:pt x="4139184" y="172212"/>
                  </a:lnTo>
                  <a:lnTo>
                    <a:pt x="4134612" y="182880"/>
                  </a:lnTo>
                  <a:lnTo>
                    <a:pt x="4130040" y="192024"/>
                  </a:lnTo>
                  <a:lnTo>
                    <a:pt x="4125467" y="202692"/>
                  </a:lnTo>
                  <a:lnTo>
                    <a:pt x="4093464" y="233172"/>
                  </a:lnTo>
                  <a:lnTo>
                    <a:pt x="4053840" y="249936"/>
                  </a:lnTo>
                  <a:lnTo>
                    <a:pt x="4041648" y="251460"/>
                  </a:lnTo>
                  <a:lnTo>
                    <a:pt x="4110837" y="251460"/>
                  </a:lnTo>
                  <a:lnTo>
                    <a:pt x="4139184" y="225552"/>
                  </a:lnTo>
                  <a:lnTo>
                    <a:pt x="4158996" y="192024"/>
                  </a:lnTo>
                  <a:lnTo>
                    <a:pt x="4169664" y="152400"/>
                  </a:lnTo>
                  <a:lnTo>
                    <a:pt x="4169664" y="123444"/>
                  </a:lnTo>
                  <a:lnTo>
                    <a:pt x="4158996" y="83820"/>
                  </a:lnTo>
                  <a:lnTo>
                    <a:pt x="4137660" y="50292"/>
                  </a:lnTo>
                  <a:lnTo>
                    <a:pt x="4119372" y="30480"/>
                  </a:lnTo>
                  <a:lnTo>
                    <a:pt x="4112971" y="25908"/>
                  </a:lnTo>
                  <a:close/>
                </a:path>
              </a:pathLst>
            </a:custGeom>
            <a:solidFill>
              <a:srgbClr val="7E7E7E"/>
            </a:solidFill>
          </p:spPr>
          <p:txBody>
            <a:bodyPr wrap="square" lIns="0" tIns="0" rIns="0" bIns="0" rtlCol="0"/>
            <a:lstStyle/>
            <a:p>
              <a:endParaRPr sz="1154"/>
            </a:p>
          </p:txBody>
        </p:sp>
        <p:pic>
          <p:nvPicPr>
            <p:cNvPr id="41" name="object 41"/>
            <p:cNvPicPr/>
            <p:nvPr/>
          </p:nvPicPr>
          <p:blipFill>
            <a:blip r:embed="rId10" cstate="print"/>
            <a:stretch>
              <a:fillRect/>
            </a:stretch>
          </p:blipFill>
          <p:spPr>
            <a:xfrm>
              <a:off x="1856232" y="9185122"/>
              <a:ext cx="4050792" cy="158496"/>
            </a:xfrm>
            <a:prstGeom prst="rect">
              <a:avLst/>
            </a:prstGeom>
          </p:spPr>
        </p:pic>
      </p:grpSp>
      <p:sp>
        <p:nvSpPr>
          <p:cNvPr id="42" name="object 42"/>
          <p:cNvSpPr txBox="1"/>
          <p:nvPr/>
        </p:nvSpPr>
        <p:spPr>
          <a:xfrm>
            <a:off x="3525635" y="5879945"/>
            <a:ext cx="420684" cy="116716"/>
          </a:xfrm>
          <a:prstGeom prst="rect">
            <a:avLst/>
          </a:prstGeom>
        </p:spPr>
        <p:txBody>
          <a:bodyPr vert="horz" wrap="square" lIns="0" tIns="8145" rIns="0" bIns="0" rtlCol="0">
            <a:spAutoFit/>
          </a:bodyPr>
          <a:lstStyle/>
          <a:p>
            <a:pPr marL="8145">
              <a:spcBef>
                <a:spcPts val="64"/>
              </a:spcBef>
            </a:pPr>
            <a:r>
              <a:rPr sz="705" b="1" spc="-6" dirty="0">
                <a:latin typeface="Yu Gothic UI Semibold"/>
                <a:cs typeface="Yu Gothic UI Semibold"/>
              </a:rPr>
              <a:t>通知・公表</a:t>
            </a:r>
            <a:endParaRPr sz="705">
              <a:latin typeface="Yu Gothic UI Semibold"/>
              <a:cs typeface="Yu Gothic UI Semibold"/>
            </a:endParaRPr>
          </a:p>
        </p:txBody>
      </p:sp>
      <p:grpSp>
        <p:nvGrpSpPr>
          <p:cNvPr id="43" name="object 43"/>
          <p:cNvGrpSpPr/>
          <p:nvPr/>
        </p:nvGrpSpPr>
        <p:grpSpPr>
          <a:xfrm>
            <a:off x="2412716" y="5186977"/>
            <a:ext cx="2694738" cy="659736"/>
            <a:chOff x="1819655" y="8087842"/>
            <a:chExt cx="4201795" cy="1028700"/>
          </a:xfrm>
        </p:grpSpPr>
        <p:pic>
          <p:nvPicPr>
            <p:cNvPr id="44" name="object 44"/>
            <p:cNvPicPr/>
            <p:nvPr/>
          </p:nvPicPr>
          <p:blipFill>
            <a:blip r:embed="rId11" cstate="print"/>
            <a:stretch>
              <a:fillRect/>
            </a:stretch>
          </p:blipFill>
          <p:spPr>
            <a:xfrm>
              <a:off x="2735580" y="8924518"/>
              <a:ext cx="251460" cy="178307"/>
            </a:xfrm>
            <a:prstGeom prst="rect">
              <a:avLst/>
            </a:prstGeom>
          </p:spPr>
        </p:pic>
        <p:sp>
          <p:nvSpPr>
            <p:cNvPr id="45" name="object 45"/>
            <p:cNvSpPr/>
            <p:nvPr/>
          </p:nvSpPr>
          <p:spPr>
            <a:xfrm>
              <a:off x="2665475" y="8910802"/>
              <a:ext cx="391795" cy="205740"/>
            </a:xfrm>
            <a:custGeom>
              <a:avLst/>
              <a:gdLst/>
              <a:ahLst/>
              <a:cxnLst/>
              <a:rect l="l" t="t" r="r" b="b"/>
              <a:pathLst>
                <a:path w="391794" h="205740">
                  <a:moveTo>
                    <a:pt x="105155" y="132587"/>
                  </a:moveTo>
                  <a:lnTo>
                    <a:pt x="0" y="132587"/>
                  </a:lnTo>
                  <a:lnTo>
                    <a:pt x="196596" y="205739"/>
                  </a:lnTo>
                  <a:lnTo>
                    <a:pt x="261620" y="181355"/>
                  </a:lnTo>
                  <a:lnTo>
                    <a:pt x="192024" y="181355"/>
                  </a:lnTo>
                  <a:lnTo>
                    <a:pt x="196568" y="179638"/>
                  </a:lnTo>
                  <a:lnTo>
                    <a:pt x="139962" y="158495"/>
                  </a:lnTo>
                  <a:lnTo>
                    <a:pt x="70104" y="158495"/>
                  </a:lnTo>
                  <a:lnTo>
                    <a:pt x="74676" y="134111"/>
                  </a:lnTo>
                  <a:lnTo>
                    <a:pt x="105155" y="134111"/>
                  </a:lnTo>
                  <a:lnTo>
                    <a:pt x="105155" y="132587"/>
                  </a:lnTo>
                  <a:close/>
                </a:path>
                <a:path w="391794" h="205740">
                  <a:moveTo>
                    <a:pt x="196568" y="179638"/>
                  </a:moveTo>
                  <a:lnTo>
                    <a:pt x="192024" y="181355"/>
                  </a:lnTo>
                  <a:lnTo>
                    <a:pt x="201168" y="181355"/>
                  </a:lnTo>
                  <a:lnTo>
                    <a:pt x="196568" y="179638"/>
                  </a:lnTo>
                  <a:close/>
                </a:path>
                <a:path w="391794" h="205740">
                  <a:moveTo>
                    <a:pt x="262128" y="154853"/>
                  </a:moveTo>
                  <a:lnTo>
                    <a:pt x="196568" y="179638"/>
                  </a:lnTo>
                  <a:lnTo>
                    <a:pt x="201168" y="181355"/>
                  </a:lnTo>
                  <a:lnTo>
                    <a:pt x="261620" y="181355"/>
                  </a:lnTo>
                  <a:lnTo>
                    <a:pt x="322580" y="158495"/>
                  </a:lnTo>
                  <a:lnTo>
                    <a:pt x="262128" y="158495"/>
                  </a:lnTo>
                  <a:lnTo>
                    <a:pt x="262128" y="154853"/>
                  </a:lnTo>
                  <a:close/>
                </a:path>
                <a:path w="391794" h="205740">
                  <a:moveTo>
                    <a:pt x="74676" y="134111"/>
                  </a:moveTo>
                  <a:lnTo>
                    <a:pt x="70104" y="158495"/>
                  </a:lnTo>
                  <a:lnTo>
                    <a:pt x="129539" y="158495"/>
                  </a:lnTo>
                  <a:lnTo>
                    <a:pt x="129539" y="154603"/>
                  </a:lnTo>
                  <a:lnTo>
                    <a:pt x="107319" y="146303"/>
                  </a:lnTo>
                  <a:lnTo>
                    <a:pt x="105155" y="146303"/>
                  </a:lnTo>
                  <a:lnTo>
                    <a:pt x="105155" y="145496"/>
                  </a:lnTo>
                  <a:lnTo>
                    <a:pt x="74676" y="134111"/>
                  </a:lnTo>
                  <a:close/>
                </a:path>
                <a:path w="391794" h="205740">
                  <a:moveTo>
                    <a:pt x="129539" y="154603"/>
                  </a:moveTo>
                  <a:lnTo>
                    <a:pt x="129539" y="158495"/>
                  </a:lnTo>
                  <a:lnTo>
                    <a:pt x="139962" y="158495"/>
                  </a:lnTo>
                  <a:lnTo>
                    <a:pt x="129539" y="154603"/>
                  </a:lnTo>
                  <a:close/>
                </a:path>
                <a:path w="391794" h="205740">
                  <a:moveTo>
                    <a:pt x="287207" y="145371"/>
                  </a:moveTo>
                  <a:lnTo>
                    <a:pt x="262128" y="154853"/>
                  </a:lnTo>
                  <a:lnTo>
                    <a:pt x="262128" y="158495"/>
                  </a:lnTo>
                  <a:lnTo>
                    <a:pt x="321564" y="158495"/>
                  </a:lnTo>
                  <a:lnTo>
                    <a:pt x="319278" y="146303"/>
                  </a:lnTo>
                  <a:lnTo>
                    <a:pt x="288036" y="146303"/>
                  </a:lnTo>
                  <a:lnTo>
                    <a:pt x="287207" y="145371"/>
                  </a:lnTo>
                  <a:close/>
                </a:path>
                <a:path w="391794" h="205740">
                  <a:moveTo>
                    <a:pt x="387604" y="134111"/>
                  </a:moveTo>
                  <a:lnTo>
                    <a:pt x="316992" y="134111"/>
                  </a:lnTo>
                  <a:lnTo>
                    <a:pt x="321564" y="158495"/>
                  </a:lnTo>
                  <a:lnTo>
                    <a:pt x="322580" y="158495"/>
                  </a:lnTo>
                  <a:lnTo>
                    <a:pt x="387604" y="134111"/>
                  </a:lnTo>
                  <a:close/>
                </a:path>
                <a:path w="391794" h="205740">
                  <a:moveTo>
                    <a:pt x="262128" y="13715"/>
                  </a:moveTo>
                  <a:lnTo>
                    <a:pt x="262128" y="154853"/>
                  </a:lnTo>
                  <a:lnTo>
                    <a:pt x="287207" y="145371"/>
                  </a:lnTo>
                  <a:lnTo>
                    <a:pt x="275844" y="132587"/>
                  </a:lnTo>
                  <a:lnTo>
                    <a:pt x="288036" y="132587"/>
                  </a:lnTo>
                  <a:lnTo>
                    <a:pt x="288036" y="25907"/>
                  </a:lnTo>
                  <a:lnTo>
                    <a:pt x="275844" y="25907"/>
                  </a:lnTo>
                  <a:lnTo>
                    <a:pt x="262128" y="13715"/>
                  </a:lnTo>
                  <a:close/>
                </a:path>
                <a:path w="391794" h="205740">
                  <a:moveTo>
                    <a:pt x="129539" y="132587"/>
                  </a:moveTo>
                  <a:lnTo>
                    <a:pt x="117348" y="132587"/>
                  </a:lnTo>
                  <a:lnTo>
                    <a:pt x="105695" y="145697"/>
                  </a:lnTo>
                  <a:lnTo>
                    <a:pt x="129539" y="154603"/>
                  </a:lnTo>
                  <a:lnTo>
                    <a:pt x="129539" y="132587"/>
                  </a:lnTo>
                  <a:close/>
                </a:path>
                <a:path w="391794" h="205740">
                  <a:moveTo>
                    <a:pt x="105155" y="145496"/>
                  </a:moveTo>
                  <a:lnTo>
                    <a:pt x="105155" y="146303"/>
                  </a:lnTo>
                  <a:lnTo>
                    <a:pt x="105695" y="145697"/>
                  </a:lnTo>
                  <a:lnTo>
                    <a:pt x="105155" y="145496"/>
                  </a:lnTo>
                  <a:close/>
                </a:path>
                <a:path w="391794" h="205740">
                  <a:moveTo>
                    <a:pt x="105695" y="145697"/>
                  </a:moveTo>
                  <a:lnTo>
                    <a:pt x="105155" y="146303"/>
                  </a:lnTo>
                  <a:lnTo>
                    <a:pt x="107319" y="146303"/>
                  </a:lnTo>
                  <a:lnTo>
                    <a:pt x="105695" y="145697"/>
                  </a:lnTo>
                  <a:close/>
                </a:path>
                <a:path w="391794" h="205740">
                  <a:moveTo>
                    <a:pt x="288036" y="145058"/>
                  </a:moveTo>
                  <a:lnTo>
                    <a:pt x="287207" y="145371"/>
                  </a:lnTo>
                  <a:lnTo>
                    <a:pt x="288036" y="146303"/>
                  </a:lnTo>
                  <a:lnTo>
                    <a:pt x="288036" y="145058"/>
                  </a:lnTo>
                  <a:close/>
                </a:path>
                <a:path w="391794" h="205740">
                  <a:moveTo>
                    <a:pt x="316992" y="134111"/>
                  </a:moveTo>
                  <a:lnTo>
                    <a:pt x="288036" y="145058"/>
                  </a:lnTo>
                  <a:lnTo>
                    <a:pt x="288036" y="146303"/>
                  </a:lnTo>
                  <a:lnTo>
                    <a:pt x="319278" y="146303"/>
                  </a:lnTo>
                  <a:lnTo>
                    <a:pt x="316992" y="134111"/>
                  </a:lnTo>
                  <a:close/>
                </a:path>
                <a:path w="391794" h="205740">
                  <a:moveTo>
                    <a:pt x="288036" y="0"/>
                  </a:moveTo>
                  <a:lnTo>
                    <a:pt x="105155" y="0"/>
                  </a:lnTo>
                  <a:lnTo>
                    <a:pt x="105155" y="145496"/>
                  </a:lnTo>
                  <a:lnTo>
                    <a:pt x="105695" y="145697"/>
                  </a:lnTo>
                  <a:lnTo>
                    <a:pt x="117348" y="132587"/>
                  </a:lnTo>
                  <a:lnTo>
                    <a:pt x="129539" y="132587"/>
                  </a:lnTo>
                  <a:lnTo>
                    <a:pt x="129539" y="25907"/>
                  </a:lnTo>
                  <a:lnTo>
                    <a:pt x="117348" y="25907"/>
                  </a:lnTo>
                  <a:lnTo>
                    <a:pt x="129539" y="13715"/>
                  </a:lnTo>
                  <a:lnTo>
                    <a:pt x="288036" y="13715"/>
                  </a:lnTo>
                  <a:lnTo>
                    <a:pt x="288036" y="0"/>
                  </a:lnTo>
                  <a:close/>
                </a:path>
                <a:path w="391794" h="205740">
                  <a:moveTo>
                    <a:pt x="105155" y="134111"/>
                  </a:moveTo>
                  <a:lnTo>
                    <a:pt x="74676" y="134111"/>
                  </a:lnTo>
                  <a:lnTo>
                    <a:pt x="105155" y="145496"/>
                  </a:lnTo>
                  <a:lnTo>
                    <a:pt x="105155" y="134111"/>
                  </a:lnTo>
                  <a:close/>
                </a:path>
                <a:path w="391794" h="205740">
                  <a:moveTo>
                    <a:pt x="288036" y="132587"/>
                  </a:moveTo>
                  <a:lnTo>
                    <a:pt x="275844" y="132587"/>
                  </a:lnTo>
                  <a:lnTo>
                    <a:pt x="287207" y="145371"/>
                  </a:lnTo>
                  <a:lnTo>
                    <a:pt x="288036" y="145058"/>
                  </a:lnTo>
                  <a:lnTo>
                    <a:pt x="288036" y="132587"/>
                  </a:lnTo>
                  <a:close/>
                </a:path>
                <a:path w="391794" h="205740">
                  <a:moveTo>
                    <a:pt x="391668" y="132587"/>
                  </a:moveTo>
                  <a:lnTo>
                    <a:pt x="288036" y="132587"/>
                  </a:lnTo>
                  <a:lnTo>
                    <a:pt x="288036" y="145058"/>
                  </a:lnTo>
                  <a:lnTo>
                    <a:pt x="316992" y="134111"/>
                  </a:lnTo>
                  <a:lnTo>
                    <a:pt x="387604" y="134111"/>
                  </a:lnTo>
                  <a:lnTo>
                    <a:pt x="391668" y="132587"/>
                  </a:lnTo>
                  <a:close/>
                </a:path>
                <a:path w="391794" h="205740">
                  <a:moveTo>
                    <a:pt x="129539" y="13715"/>
                  </a:moveTo>
                  <a:lnTo>
                    <a:pt x="117348" y="25907"/>
                  </a:lnTo>
                  <a:lnTo>
                    <a:pt x="129539" y="25907"/>
                  </a:lnTo>
                  <a:lnTo>
                    <a:pt x="129539" y="13715"/>
                  </a:lnTo>
                  <a:close/>
                </a:path>
                <a:path w="391794" h="205740">
                  <a:moveTo>
                    <a:pt x="262128" y="13715"/>
                  </a:moveTo>
                  <a:lnTo>
                    <a:pt x="129539" y="13715"/>
                  </a:lnTo>
                  <a:lnTo>
                    <a:pt x="129539" y="25907"/>
                  </a:lnTo>
                  <a:lnTo>
                    <a:pt x="262128" y="25907"/>
                  </a:lnTo>
                  <a:lnTo>
                    <a:pt x="262128" y="13715"/>
                  </a:lnTo>
                  <a:close/>
                </a:path>
                <a:path w="391794" h="205740">
                  <a:moveTo>
                    <a:pt x="288036" y="13715"/>
                  </a:moveTo>
                  <a:lnTo>
                    <a:pt x="262128" y="13715"/>
                  </a:lnTo>
                  <a:lnTo>
                    <a:pt x="275844" y="25907"/>
                  </a:lnTo>
                  <a:lnTo>
                    <a:pt x="288036" y="25907"/>
                  </a:lnTo>
                  <a:lnTo>
                    <a:pt x="288036" y="13715"/>
                  </a:lnTo>
                  <a:close/>
                </a:path>
              </a:pathLst>
            </a:custGeom>
            <a:solidFill>
              <a:srgbClr val="00508D"/>
            </a:solidFill>
          </p:spPr>
          <p:txBody>
            <a:bodyPr wrap="square" lIns="0" tIns="0" rIns="0" bIns="0" rtlCol="0"/>
            <a:lstStyle/>
            <a:p>
              <a:endParaRPr sz="1154"/>
            </a:p>
          </p:txBody>
        </p:sp>
        <p:pic>
          <p:nvPicPr>
            <p:cNvPr id="46" name="object 46"/>
            <p:cNvPicPr/>
            <p:nvPr/>
          </p:nvPicPr>
          <p:blipFill>
            <a:blip r:embed="rId12" cstate="print"/>
            <a:stretch>
              <a:fillRect/>
            </a:stretch>
          </p:blipFill>
          <p:spPr>
            <a:xfrm>
              <a:off x="4779263" y="8912326"/>
              <a:ext cx="251460" cy="179831"/>
            </a:xfrm>
            <a:prstGeom prst="rect">
              <a:avLst/>
            </a:prstGeom>
          </p:spPr>
        </p:pic>
        <p:sp>
          <p:nvSpPr>
            <p:cNvPr id="47" name="object 47"/>
            <p:cNvSpPr/>
            <p:nvPr/>
          </p:nvSpPr>
          <p:spPr>
            <a:xfrm>
              <a:off x="4709160" y="8900134"/>
              <a:ext cx="391795" cy="205740"/>
            </a:xfrm>
            <a:custGeom>
              <a:avLst/>
              <a:gdLst/>
              <a:ahLst/>
              <a:cxnLst/>
              <a:rect l="l" t="t" r="r" b="b"/>
              <a:pathLst>
                <a:path w="391795" h="205740">
                  <a:moveTo>
                    <a:pt x="74676" y="132587"/>
                  </a:moveTo>
                  <a:lnTo>
                    <a:pt x="0" y="132587"/>
                  </a:lnTo>
                  <a:lnTo>
                    <a:pt x="195072" y="205739"/>
                  </a:lnTo>
                  <a:lnTo>
                    <a:pt x="264699" y="179831"/>
                  </a:lnTo>
                  <a:lnTo>
                    <a:pt x="192024" y="179831"/>
                  </a:lnTo>
                  <a:lnTo>
                    <a:pt x="195833" y="178391"/>
                  </a:lnTo>
                  <a:lnTo>
                    <a:pt x="143206" y="158495"/>
                  </a:lnTo>
                  <a:lnTo>
                    <a:pt x="70104" y="158495"/>
                  </a:lnTo>
                  <a:lnTo>
                    <a:pt x="74676" y="132587"/>
                  </a:lnTo>
                  <a:close/>
                </a:path>
                <a:path w="391795" h="205740">
                  <a:moveTo>
                    <a:pt x="195833" y="178391"/>
                  </a:moveTo>
                  <a:lnTo>
                    <a:pt x="192024" y="179831"/>
                  </a:lnTo>
                  <a:lnTo>
                    <a:pt x="199644" y="179831"/>
                  </a:lnTo>
                  <a:lnTo>
                    <a:pt x="195833" y="178391"/>
                  </a:lnTo>
                  <a:close/>
                </a:path>
                <a:path w="391795" h="205740">
                  <a:moveTo>
                    <a:pt x="262128" y="153329"/>
                  </a:moveTo>
                  <a:lnTo>
                    <a:pt x="195833" y="178391"/>
                  </a:lnTo>
                  <a:lnTo>
                    <a:pt x="199644" y="179831"/>
                  </a:lnTo>
                  <a:lnTo>
                    <a:pt x="264699" y="179831"/>
                  </a:lnTo>
                  <a:lnTo>
                    <a:pt x="322040" y="158495"/>
                  </a:lnTo>
                  <a:lnTo>
                    <a:pt x="262128" y="158495"/>
                  </a:lnTo>
                  <a:lnTo>
                    <a:pt x="262128" y="153329"/>
                  </a:lnTo>
                  <a:close/>
                </a:path>
                <a:path w="391795" h="205740">
                  <a:moveTo>
                    <a:pt x="74676" y="132587"/>
                  </a:moveTo>
                  <a:lnTo>
                    <a:pt x="70104" y="158495"/>
                  </a:lnTo>
                  <a:lnTo>
                    <a:pt x="129539" y="158495"/>
                  </a:lnTo>
                  <a:lnTo>
                    <a:pt x="129539" y="153329"/>
                  </a:lnTo>
                  <a:lnTo>
                    <a:pt x="106925" y="144779"/>
                  </a:lnTo>
                  <a:lnTo>
                    <a:pt x="103632" y="144779"/>
                  </a:lnTo>
                  <a:lnTo>
                    <a:pt x="103632" y="143534"/>
                  </a:lnTo>
                  <a:lnTo>
                    <a:pt x="74676" y="132587"/>
                  </a:lnTo>
                  <a:close/>
                </a:path>
                <a:path w="391795" h="205740">
                  <a:moveTo>
                    <a:pt x="129539" y="153329"/>
                  </a:moveTo>
                  <a:lnTo>
                    <a:pt x="129539" y="158495"/>
                  </a:lnTo>
                  <a:lnTo>
                    <a:pt x="143206" y="158495"/>
                  </a:lnTo>
                  <a:lnTo>
                    <a:pt x="129539" y="153329"/>
                  </a:lnTo>
                  <a:close/>
                </a:path>
                <a:path w="391795" h="205740">
                  <a:moveTo>
                    <a:pt x="287053" y="143906"/>
                  </a:moveTo>
                  <a:lnTo>
                    <a:pt x="262128" y="153329"/>
                  </a:lnTo>
                  <a:lnTo>
                    <a:pt x="262128" y="158495"/>
                  </a:lnTo>
                  <a:lnTo>
                    <a:pt x="321564" y="158495"/>
                  </a:lnTo>
                  <a:lnTo>
                    <a:pt x="319143" y="144779"/>
                  </a:lnTo>
                  <a:lnTo>
                    <a:pt x="288036" y="144779"/>
                  </a:lnTo>
                  <a:lnTo>
                    <a:pt x="287053" y="143906"/>
                  </a:lnTo>
                  <a:close/>
                </a:path>
                <a:path w="391795" h="205740">
                  <a:moveTo>
                    <a:pt x="391668" y="132587"/>
                  </a:moveTo>
                  <a:lnTo>
                    <a:pt x="316992" y="132587"/>
                  </a:lnTo>
                  <a:lnTo>
                    <a:pt x="321564" y="158495"/>
                  </a:lnTo>
                  <a:lnTo>
                    <a:pt x="322040" y="158495"/>
                  </a:lnTo>
                  <a:lnTo>
                    <a:pt x="391668" y="132587"/>
                  </a:lnTo>
                  <a:close/>
                </a:path>
                <a:path w="391795" h="205740">
                  <a:moveTo>
                    <a:pt x="129539" y="132587"/>
                  </a:moveTo>
                  <a:lnTo>
                    <a:pt x="117348" y="132587"/>
                  </a:lnTo>
                  <a:lnTo>
                    <a:pt x="104614" y="143906"/>
                  </a:lnTo>
                  <a:lnTo>
                    <a:pt x="129539" y="153329"/>
                  </a:lnTo>
                  <a:lnTo>
                    <a:pt x="129539" y="132587"/>
                  </a:lnTo>
                  <a:close/>
                </a:path>
                <a:path w="391795" h="205740">
                  <a:moveTo>
                    <a:pt x="262128" y="12191"/>
                  </a:moveTo>
                  <a:lnTo>
                    <a:pt x="262128" y="153329"/>
                  </a:lnTo>
                  <a:lnTo>
                    <a:pt x="287053" y="143906"/>
                  </a:lnTo>
                  <a:lnTo>
                    <a:pt x="274320" y="132587"/>
                  </a:lnTo>
                  <a:lnTo>
                    <a:pt x="288036" y="132587"/>
                  </a:lnTo>
                  <a:lnTo>
                    <a:pt x="288036" y="24383"/>
                  </a:lnTo>
                  <a:lnTo>
                    <a:pt x="274320" y="24383"/>
                  </a:lnTo>
                  <a:lnTo>
                    <a:pt x="262128" y="12191"/>
                  </a:lnTo>
                  <a:close/>
                </a:path>
                <a:path w="391795" h="205740">
                  <a:moveTo>
                    <a:pt x="103632" y="143534"/>
                  </a:moveTo>
                  <a:lnTo>
                    <a:pt x="103632" y="144779"/>
                  </a:lnTo>
                  <a:lnTo>
                    <a:pt x="104614" y="143906"/>
                  </a:lnTo>
                  <a:lnTo>
                    <a:pt x="103632" y="143534"/>
                  </a:lnTo>
                  <a:close/>
                </a:path>
                <a:path w="391795" h="205740">
                  <a:moveTo>
                    <a:pt x="104614" y="143906"/>
                  </a:moveTo>
                  <a:lnTo>
                    <a:pt x="103632" y="144779"/>
                  </a:lnTo>
                  <a:lnTo>
                    <a:pt x="106925" y="144779"/>
                  </a:lnTo>
                  <a:lnTo>
                    <a:pt x="104614" y="143906"/>
                  </a:lnTo>
                  <a:close/>
                </a:path>
                <a:path w="391795" h="205740">
                  <a:moveTo>
                    <a:pt x="288036" y="143534"/>
                  </a:moveTo>
                  <a:lnTo>
                    <a:pt x="287053" y="143906"/>
                  </a:lnTo>
                  <a:lnTo>
                    <a:pt x="288036" y="144779"/>
                  </a:lnTo>
                  <a:lnTo>
                    <a:pt x="288036" y="143534"/>
                  </a:lnTo>
                  <a:close/>
                </a:path>
                <a:path w="391795" h="205740">
                  <a:moveTo>
                    <a:pt x="316992" y="132587"/>
                  </a:moveTo>
                  <a:lnTo>
                    <a:pt x="288036" y="143534"/>
                  </a:lnTo>
                  <a:lnTo>
                    <a:pt x="288036" y="144779"/>
                  </a:lnTo>
                  <a:lnTo>
                    <a:pt x="319143" y="144779"/>
                  </a:lnTo>
                  <a:lnTo>
                    <a:pt x="316992" y="132587"/>
                  </a:lnTo>
                  <a:close/>
                </a:path>
                <a:path w="391795" h="205740">
                  <a:moveTo>
                    <a:pt x="288036" y="0"/>
                  </a:moveTo>
                  <a:lnTo>
                    <a:pt x="103632" y="0"/>
                  </a:lnTo>
                  <a:lnTo>
                    <a:pt x="103632" y="143534"/>
                  </a:lnTo>
                  <a:lnTo>
                    <a:pt x="104614" y="143906"/>
                  </a:lnTo>
                  <a:lnTo>
                    <a:pt x="117348" y="132587"/>
                  </a:lnTo>
                  <a:lnTo>
                    <a:pt x="129539" y="132587"/>
                  </a:lnTo>
                  <a:lnTo>
                    <a:pt x="129539" y="24383"/>
                  </a:lnTo>
                  <a:lnTo>
                    <a:pt x="117348" y="24383"/>
                  </a:lnTo>
                  <a:lnTo>
                    <a:pt x="129539" y="12191"/>
                  </a:lnTo>
                  <a:lnTo>
                    <a:pt x="288036" y="12191"/>
                  </a:lnTo>
                  <a:lnTo>
                    <a:pt x="288036" y="0"/>
                  </a:lnTo>
                  <a:close/>
                </a:path>
                <a:path w="391795" h="205740">
                  <a:moveTo>
                    <a:pt x="288036" y="132587"/>
                  </a:moveTo>
                  <a:lnTo>
                    <a:pt x="274320" y="132587"/>
                  </a:lnTo>
                  <a:lnTo>
                    <a:pt x="287053" y="143906"/>
                  </a:lnTo>
                  <a:lnTo>
                    <a:pt x="288035" y="143534"/>
                  </a:lnTo>
                  <a:lnTo>
                    <a:pt x="288036" y="132587"/>
                  </a:lnTo>
                  <a:close/>
                </a:path>
                <a:path w="391795" h="205740">
                  <a:moveTo>
                    <a:pt x="103632" y="132587"/>
                  </a:moveTo>
                  <a:lnTo>
                    <a:pt x="74676" y="132587"/>
                  </a:lnTo>
                  <a:lnTo>
                    <a:pt x="103632" y="143534"/>
                  </a:lnTo>
                  <a:lnTo>
                    <a:pt x="103632" y="132587"/>
                  </a:lnTo>
                  <a:close/>
                </a:path>
                <a:path w="391795" h="205740">
                  <a:moveTo>
                    <a:pt x="316992" y="132587"/>
                  </a:moveTo>
                  <a:lnTo>
                    <a:pt x="288036" y="132587"/>
                  </a:lnTo>
                  <a:lnTo>
                    <a:pt x="288036" y="143534"/>
                  </a:lnTo>
                  <a:lnTo>
                    <a:pt x="316992" y="132587"/>
                  </a:lnTo>
                  <a:close/>
                </a:path>
                <a:path w="391795" h="205740">
                  <a:moveTo>
                    <a:pt x="129539" y="12191"/>
                  </a:moveTo>
                  <a:lnTo>
                    <a:pt x="117348" y="24383"/>
                  </a:lnTo>
                  <a:lnTo>
                    <a:pt x="129539" y="24383"/>
                  </a:lnTo>
                  <a:lnTo>
                    <a:pt x="129539" y="12191"/>
                  </a:lnTo>
                  <a:close/>
                </a:path>
                <a:path w="391795" h="205740">
                  <a:moveTo>
                    <a:pt x="262128" y="12191"/>
                  </a:moveTo>
                  <a:lnTo>
                    <a:pt x="129539" y="12191"/>
                  </a:lnTo>
                  <a:lnTo>
                    <a:pt x="129539" y="24383"/>
                  </a:lnTo>
                  <a:lnTo>
                    <a:pt x="262128" y="24383"/>
                  </a:lnTo>
                  <a:lnTo>
                    <a:pt x="262128" y="12191"/>
                  </a:lnTo>
                  <a:close/>
                </a:path>
                <a:path w="391795" h="205740">
                  <a:moveTo>
                    <a:pt x="288036" y="12191"/>
                  </a:moveTo>
                  <a:lnTo>
                    <a:pt x="262128" y="12191"/>
                  </a:lnTo>
                  <a:lnTo>
                    <a:pt x="274320" y="24383"/>
                  </a:lnTo>
                  <a:lnTo>
                    <a:pt x="288036" y="24383"/>
                  </a:lnTo>
                  <a:lnTo>
                    <a:pt x="288036" y="12191"/>
                  </a:lnTo>
                  <a:close/>
                </a:path>
              </a:pathLst>
            </a:custGeom>
            <a:solidFill>
              <a:srgbClr val="00508D"/>
            </a:solidFill>
          </p:spPr>
          <p:txBody>
            <a:bodyPr wrap="square" lIns="0" tIns="0" rIns="0" bIns="0" rtlCol="0"/>
            <a:lstStyle/>
            <a:p>
              <a:endParaRPr sz="1154"/>
            </a:p>
          </p:txBody>
        </p:sp>
        <p:pic>
          <p:nvPicPr>
            <p:cNvPr id="48" name="object 48"/>
            <p:cNvPicPr/>
            <p:nvPr/>
          </p:nvPicPr>
          <p:blipFill>
            <a:blip r:embed="rId13" cstate="print"/>
            <a:stretch>
              <a:fillRect/>
            </a:stretch>
          </p:blipFill>
          <p:spPr>
            <a:xfrm>
              <a:off x="1819655" y="8087842"/>
              <a:ext cx="4201668" cy="816864"/>
            </a:xfrm>
            <a:prstGeom prst="rect">
              <a:avLst/>
            </a:prstGeom>
          </p:spPr>
        </p:pic>
      </p:grpSp>
      <p:sp>
        <p:nvSpPr>
          <p:cNvPr id="49" name="object 49"/>
          <p:cNvSpPr txBox="1"/>
          <p:nvPr/>
        </p:nvSpPr>
        <p:spPr>
          <a:xfrm>
            <a:off x="2530980" y="4598590"/>
            <a:ext cx="1963734" cy="600118"/>
          </a:xfrm>
          <a:prstGeom prst="rect">
            <a:avLst/>
          </a:prstGeom>
        </p:spPr>
        <p:txBody>
          <a:bodyPr vert="horz" wrap="square" lIns="0" tIns="8145" rIns="0" bIns="0" rtlCol="0">
            <a:spAutoFit/>
          </a:bodyPr>
          <a:lstStyle/>
          <a:p>
            <a:pPr>
              <a:spcBef>
                <a:spcPts val="64"/>
              </a:spcBef>
            </a:pPr>
            <a:r>
              <a:rPr sz="705" spc="-42" dirty="0">
                <a:latin typeface="Yu Gothic UI"/>
                <a:cs typeface="Yu Gothic UI"/>
              </a:rPr>
              <a:t>市として速やかに事業化するか否か</a:t>
            </a:r>
            <a:endParaRPr sz="705">
              <a:latin typeface="Yu Gothic UI"/>
              <a:cs typeface="Yu Gothic UI"/>
            </a:endParaRPr>
          </a:p>
          <a:p>
            <a:pPr>
              <a:spcBef>
                <a:spcPts val="22"/>
              </a:spcBef>
            </a:pPr>
            <a:endParaRPr sz="609">
              <a:latin typeface="Yu Gothic UI"/>
              <a:cs typeface="Yu Gothic UI"/>
            </a:endParaRPr>
          </a:p>
          <a:p>
            <a:pPr marR="33392" algn="r"/>
            <a:r>
              <a:rPr sz="705" b="1" spc="-19" dirty="0">
                <a:latin typeface="Yu Gothic UI Semibold"/>
                <a:cs typeface="Yu Gothic UI Semibold"/>
              </a:rPr>
              <a:t>PPP</a:t>
            </a:r>
            <a:r>
              <a:rPr sz="705" b="1" spc="-45" dirty="0">
                <a:latin typeface="Yu Gothic UI Semibold"/>
                <a:cs typeface="Yu Gothic UI Semibold"/>
              </a:rPr>
              <a:t> 事業⼿法検討委員会からの意⾒・助⾔</a:t>
            </a:r>
            <a:endParaRPr sz="705">
              <a:latin typeface="Yu Gothic UI Semibold"/>
              <a:cs typeface="Yu Gothic UI Semibold"/>
            </a:endParaRPr>
          </a:p>
          <a:p>
            <a:pPr>
              <a:spcBef>
                <a:spcPts val="35"/>
              </a:spcBef>
            </a:pPr>
            <a:endParaRPr sz="1122">
              <a:latin typeface="Yu Gothic UI Semibold"/>
              <a:cs typeface="Yu Gothic UI Semibold"/>
            </a:endParaRPr>
          </a:p>
          <a:p>
            <a:pPr marR="3258" algn="r"/>
            <a:r>
              <a:rPr sz="705" b="1" spc="-10" dirty="0">
                <a:latin typeface="Yu Gothic UI Semibold"/>
                <a:cs typeface="Yu Gothic UI Semibold"/>
              </a:rPr>
              <a:t>検討結果(実施⽅針の策定⾒通し)決定</a:t>
            </a:r>
            <a:endParaRPr sz="705">
              <a:latin typeface="Yu Gothic UI Semibold"/>
              <a:cs typeface="Yu Gothic UI Semibold"/>
            </a:endParaRPr>
          </a:p>
        </p:txBody>
      </p:sp>
      <p:pic>
        <p:nvPicPr>
          <p:cNvPr id="50" name="object 50"/>
          <p:cNvPicPr/>
          <p:nvPr/>
        </p:nvPicPr>
        <p:blipFill>
          <a:blip r:embed="rId14" cstate="print"/>
          <a:stretch>
            <a:fillRect/>
          </a:stretch>
        </p:blipFill>
        <p:spPr>
          <a:xfrm>
            <a:off x="3878797" y="5351178"/>
            <a:ext cx="1044826" cy="282465"/>
          </a:xfrm>
          <a:prstGeom prst="rect">
            <a:avLst/>
          </a:prstGeom>
        </p:spPr>
      </p:pic>
      <p:sp>
        <p:nvSpPr>
          <p:cNvPr id="51" name="object 51"/>
          <p:cNvSpPr txBox="1"/>
          <p:nvPr/>
        </p:nvSpPr>
        <p:spPr>
          <a:xfrm>
            <a:off x="4062220" y="5364862"/>
            <a:ext cx="678877" cy="245149"/>
          </a:xfrm>
          <a:prstGeom prst="rect">
            <a:avLst/>
          </a:prstGeom>
        </p:spPr>
        <p:txBody>
          <a:bodyPr vert="horz" wrap="square" lIns="0" tIns="8145" rIns="0" bIns="0" rtlCol="0">
            <a:spAutoFit/>
          </a:bodyPr>
          <a:lstStyle/>
          <a:p>
            <a:pPr marL="177958" marR="3258" indent="-170220">
              <a:lnSpc>
                <a:spcPct val="113599"/>
              </a:lnSpc>
              <a:spcBef>
                <a:spcPts val="64"/>
              </a:spcBef>
            </a:pPr>
            <a:r>
              <a:rPr sz="705" b="1" spc="-10" dirty="0">
                <a:latin typeface="Yu Gothic UI Semibold"/>
                <a:cs typeface="Yu Gothic UI Semibold"/>
              </a:rPr>
              <a:t>実施⽅針を定める</a:t>
            </a:r>
            <a:r>
              <a:rPr sz="705" b="1" spc="-13" dirty="0">
                <a:latin typeface="Yu Gothic UI Semibold"/>
                <a:cs typeface="Yu Gothic UI Semibold"/>
              </a:rPr>
              <a:t>必要なし</a:t>
            </a:r>
            <a:endParaRPr sz="705">
              <a:latin typeface="Yu Gothic UI Semibold"/>
              <a:cs typeface="Yu Gothic UI Semibold"/>
            </a:endParaRPr>
          </a:p>
        </p:txBody>
      </p:sp>
      <p:pic>
        <p:nvPicPr>
          <p:cNvPr id="52" name="object 52"/>
          <p:cNvPicPr/>
          <p:nvPr/>
        </p:nvPicPr>
        <p:blipFill>
          <a:blip r:embed="rId15" cstate="print"/>
          <a:stretch>
            <a:fillRect/>
          </a:stretch>
        </p:blipFill>
        <p:spPr>
          <a:xfrm>
            <a:off x="2551506" y="5351178"/>
            <a:ext cx="1080990" cy="283442"/>
          </a:xfrm>
          <a:prstGeom prst="rect">
            <a:avLst/>
          </a:prstGeom>
        </p:spPr>
      </p:pic>
      <p:sp>
        <p:nvSpPr>
          <p:cNvPr id="53" name="object 53"/>
          <p:cNvSpPr txBox="1"/>
          <p:nvPr/>
        </p:nvSpPr>
        <p:spPr>
          <a:xfrm>
            <a:off x="2752522" y="5364862"/>
            <a:ext cx="678877" cy="245149"/>
          </a:xfrm>
          <a:prstGeom prst="rect">
            <a:avLst/>
          </a:prstGeom>
        </p:spPr>
        <p:txBody>
          <a:bodyPr vert="horz" wrap="square" lIns="0" tIns="8145" rIns="0" bIns="0" rtlCol="0">
            <a:spAutoFit/>
          </a:bodyPr>
          <a:lstStyle/>
          <a:p>
            <a:pPr marL="147822" marR="3258" indent="-140086">
              <a:lnSpc>
                <a:spcPct val="113599"/>
              </a:lnSpc>
              <a:spcBef>
                <a:spcPts val="64"/>
              </a:spcBef>
            </a:pPr>
            <a:r>
              <a:rPr sz="705" b="1" spc="-10" dirty="0">
                <a:latin typeface="Yu Gothic UI Semibold"/>
                <a:cs typeface="Yu Gothic UI Semibold"/>
              </a:rPr>
              <a:t>実施⽅針を定める</a:t>
            </a:r>
            <a:r>
              <a:rPr sz="705" b="1" spc="-13" dirty="0">
                <a:latin typeface="Yu Gothic UI Semibold"/>
                <a:cs typeface="Yu Gothic UI Semibold"/>
              </a:rPr>
              <a:t>ことが適当</a:t>
            </a:r>
            <a:endParaRPr sz="705">
              <a:latin typeface="Yu Gothic UI Semibold"/>
              <a:cs typeface="Yu Gothic UI Semibold"/>
            </a:endParaRPr>
          </a:p>
        </p:txBody>
      </p:sp>
      <p:grpSp>
        <p:nvGrpSpPr>
          <p:cNvPr id="54" name="object 54"/>
          <p:cNvGrpSpPr/>
          <p:nvPr/>
        </p:nvGrpSpPr>
        <p:grpSpPr>
          <a:xfrm>
            <a:off x="2758711" y="5063827"/>
            <a:ext cx="1128882" cy="1562190"/>
            <a:chOff x="2359151" y="7895818"/>
            <a:chExt cx="1760220" cy="2435860"/>
          </a:xfrm>
        </p:grpSpPr>
        <p:pic>
          <p:nvPicPr>
            <p:cNvPr id="55" name="object 55"/>
            <p:cNvPicPr/>
            <p:nvPr/>
          </p:nvPicPr>
          <p:blipFill>
            <a:blip r:embed="rId16" cstate="print"/>
            <a:stretch>
              <a:fillRect/>
            </a:stretch>
          </p:blipFill>
          <p:spPr>
            <a:xfrm>
              <a:off x="3819143" y="7908010"/>
              <a:ext cx="251460" cy="143255"/>
            </a:xfrm>
            <a:prstGeom prst="rect">
              <a:avLst/>
            </a:prstGeom>
          </p:spPr>
        </p:pic>
        <p:sp>
          <p:nvSpPr>
            <p:cNvPr id="56" name="object 56"/>
            <p:cNvSpPr/>
            <p:nvPr/>
          </p:nvSpPr>
          <p:spPr>
            <a:xfrm>
              <a:off x="3771899" y="7895818"/>
              <a:ext cx="347980" cy="170815"/>
            </a:xfrm>
            <a:custGeom>
              <a:avLst/>
              <a:gdLst/>
              <a:ahLst/>
              <a:cxnLst/>
              <a:rect l="l" t="t" r="r" b="b"/>
              <a:pathLst>
                <a:path w="347979" h="170815">
                  <a:moveTo>
                    <a:pt x="97536" y="71627"/>
                  </a:moveTo>
                  <a:lnTo>
                    <a:pt x="0" y="71627"/>
                  </a:lnTo>
                  <a:lnTo>
                    <a:pt x="173736" y="170687"/>
                  </a:lnTo>
                  <a:lnTo>
                    <a:pt x="219174" y="144779"/>
                  </a:lnTo>
                  <a:lnTo>
                    <a:pt x="167640" y="144779"/>
                  </a:lnTo>
                  <a:lnTo>
                    <a:pt x="173736" y="141285"/>
                  </a:lnTo>
                  <a:lnTo>
                    <a:pt x="94747" y="96011"/>
                  </a:lnTo>
                  <a:lnTo>
                    <a:pt x="47244" y="96011"/>
                  </a:lnTo>
                  <a:lnTo>
                    <a:pt x="54864" y="73151"/>
                  </a:lnTo>
                  <a:lnTo>
                    <a:pt x="97536" y="73151"/>
                  </a:lnTo>
                  <a:lnTo>
                    <a:pt x="97536" y="71627"/>
                  </a:lnTo>
                  <a:close/>
                </a:path>
                <a:path w="347979" h="170815">
                  <a:moveTo>
                    <a:pt x="173736" y="141285"/>
                  </a:moveTo>
                  <a:lnTo>
                    <a:pt x="167640" y="144779"/>
                  </a:lnTo>
                  <a:lnTo>
                    <a:pt x="179832" y="144779"/>
                  </a:lnTo>
                  <a:lnTo>
                    <a:pt x="173736" y="141285"/>
                  </a:lnTo>
                  <a:close/>
                </a:path>
                <a:path w="347979" h="170815">
                  <a:moveTo>
                    <a:pt x="292608" y="73151"/>
                  </a:moveTo>
                  <a:lnTo>
                    <a:pt x="173736" y="141285"/>
                  </a:lnTo>
                  <a:lnTo>
                    <a:pt x="179832" y="144779"/>
                  </a:lnTo>
                  <a:lnTo>
                    <a:pt x="219174" y="144779"/>
                  </a:lnTo>
                  <a:lnTo>
                    <a:pt x="304706" y="96011"/>
                  </a:lnTo>
                  <a:lnTo>
                    <a:pt x="298704" y="96011"/>
                  </a:lnTo>
                  <a:lnTo>
                    <a:pt x="292608" y="73151"/>
                  </a:lnTo>
                  <a:close/>
                </a:path>
                <a:path w="347979" h="170815">
                  <a:moveTo>
                    <a:pt x="54864" y="73151"/>
                  </a:moveTo>
                  <a:lnTo>
                    <a:pt x="47244" y="96011"/>
                  </a:lnTo>
                  <a:lnTo>
                    <a:pt x="94747" y="96011"/>
                  </a:lnTo>
                  <a:lnTo>
                    <a:pt x="54864" y="73151"/>
                  </a:lnTo>
                  <a:close/>
                </a:path>
                <a:path w="347979" h="170815">
                  <a:moveTo>
                    <a:pt x="97536" y="73151"/>
                  </a:moveTo>
                  <a:lnTo>
                    <a:pt x="54864" y="73151"/>
                  </a:lnTo>
                  <a:lnTo>
                    <a:pt x="94747" y="96011"/>
                  </a:lnTo>
                  <a:lnTo>
                    <a:pt x="123444" y="96011"/>
                  </a:lnTo>
                  <a:lnTo>
                    <a:pt x="123444" y="83819"/>
                  </a:lnTo>
                  <a:lnTo>
                    <a:pt x="97536" y="83819"/>
                  </a:lnTo>
                  <a:lnTo>
                    <a:pt x="97536" y="73151"/>
                  </a:lnTo>
                  <a:close/>
                </a:path>
                <a:path w="347979" h="170815">
                  <a:moveTo>
                    <a:pt x="224028" y="12191"/>
                  </a:moveTo>
                  <a:lnTo>
                    <a:pt x="224028" y="96011"/>
                  </a:lnTo>
                  <a:lnTo>
                    <a:pt x="252724" y="96011"/>
                  </a:lnTo>
                  <a:lnTo>
                    <a:pt x="273995" y="83819"/>
                  </a:lnTo>
                  <a:lnTo>
                    <a:pt x="248411" y="83819"/>
                  </a:lnTo>
                  <a:lnTo>
                    <a:pt x="236220" y="71627"/>
                  </a:lnTo>
                  <a:lnTo>
                    <a:pt x="248411" y="71627"/>
                  </a:lnTo>
                  <a:lnTo>
                    <a:pt x="248411" y="24383"/>
                  </a:lnTo>
                  <a:lnTo>
                    <a:pt x="236220" y="24383"/>
                  </a:lnTo>
                  <a:lnTo>
                    <a:pt x="224028" y="12191"/>
                  </a:lnTo>
                  <a:close/>
                </a:path>
                <a:path w="347979" h="170815">
                  <a:moveTo>
                    <a:pt x="344799" y="73151"/>
                  </a:moveTo>
                  <a:lnTo>
                    <a:pt x="292608" y="73151"/>
                  </a:lnTo>
                  <a:lnTo>
                    <a:pt x="298704" y="96011"/>
                  </a:lnTo>
                  <a:lnTo>
                    <a:pt x="304706" y="96011"/>
                  </a:lnTo>
                  <a:lnTo>
                    <a:pt x="344799" y="73151"/>
                  </a:lnTo>
                  <a:close/>
                </a:path>
                <a:path w="347979" h="170815">
                  <a:moveTo>
                    <a:pt x="248411" y="0"/>
                  </a:moveTo>
                  <a:lnTo>
                    <a:pt x="97536" y="0"/>
                  </a:lnTo>
                  <a:lnTo>
                    <a:pt x="97536" y="83819"/>
                  </a:lnTo>
                  <a:lnTo>
                    <a:pt x="111252" y="71627"/>
                  </a:lnTo>
                  <a:lnTo>
                    <a:pt x="123444" y="71627"/>
                  </a:lnTo>
                  <a:lnTo>
                    <a:pt x="123444" y="24383"/>
                  </a:lnTo>
                  <a:lnTo>
                    <a:pt x="111252" y="24383"/>
                  </a:lnTo>
                  <a:lnTo>
                    <a:pt x="123444" y="12191"/>
                  </a:lnTo>
                  <a:lnTo>
                    <a:pt x="248411" y="12191"/>
                  </a:lnTo>
                  <a:lnTo>
                    <a:pt x="248411" y="0"/>
                  </a:lnTo>
                  <a:close/>
                </a:path>
                <a:path w="347979" h="170815">
                  <a:moveTo>
                    <a:pt x="123444" y="71627"/>
                  </a:moveTo>
                  <a:lnTo>
                    <a:pt x="111252" y="71627"/>
                  </a:lnTo>
                  <a:lnTo>
                    <a:pt x="97536" y="83819"/>
                  </a:lnTo>
                  <a:lnTo>
                    <a:pt x="123444" y="83819"/>
                  </a:lnTo>
                  <a:lnTo>
                    <a:pt x="123444" y="71627"/>
                  </a:lnTo>
                  <a:close/>
                </a:path>
                <a:path w="347979" h="170815">
                  <a:moveTo>
                    <a:pt x="248411" y="71627"/>
                  </a:moveTo>
                  <a:lnTo>
                    <a:pt x="236220" y="71627"/>
                  </a:lnTo>
                  <a:lnTo>
                    <a:pt x="248411" y="83819"/>
                  </a:lnTo>
                  <a:lnTo>
                    <a:pt x="248411" y="71627"/>
                  </a:lnTo>
                  <a:close/>
                </a:path>
                <a:path w="347979" h="170815">
                  <a:moveTo>
                    <a:pt x="347472" y="71627"/>
                  </a:moveTo>
                  <a:lnTo>
                    <a:pt x="248411" y="71627"/>
                  </a:lnTo>
                  <a:lnTo>
                    <a:pt x="248411" y="83819"/>
                  </a:lnTo>
                  <a:lnTo>
                    <a:pt x="273995" y="83819"/>
                  </a:lnTo>
                  <a:lnTo>
                    <a:pt x="292608" y="73151"/>
                  </a:lnTo>
                  <a:lnTo>
                    <a:pt x="344799" y="73151"/>
                  </a:lnTo>
                  <a:lnTo>
                    <a:pt x="347472" y="71627"/>
                  </a:lnTo>
                  <a:close/>
                </a:path>
                <a:path w="347979" h="170815">
                  <a:moveTo>
                    <a:pt x="123444" y="12191"/>
                  </a:moveTo>
                  <a:lnTo>
                    <a:pt x="111252" y="24383"/>
                  </a:lnTo>
                  <a:lnTo>
                    <a:pt x="123444" y="24383"/>
                  </a:lnTo>
                  <a:lnTo>
                    <a:pt x="123444" y="12191"/>
                  </a:lnTo>
                  <a:close/>
                </a:path>
                <a:path w="347979" h="170815">
                  <a:moveTo>
                    <a:pt x="224028" y="12191"/>
                  </a:moveTo>
                  <a:lnTo>
                    <a:pt x="123444" y="12191"/>
                  </a:lnTo>
                  <a:lnTo>
                    <a:pt x="123444" y="24383"/>
                  </a:lnTo>
                  <a:lnTo>
                    <a:pt x="224028" y="24383"/>
                  </a:lnTo>
                  <a:lnTo>
                    <a:pt x="224028" y="12191"/>
                  </a:lnTo>
                  <a:close/>
                </a:path>
                <a:path w="347979" h="170815">
                  <a:moveTo>
                    <a:pt x="248411" y="12191"/>
                  </a:moveTo>
                  <a:lnTo>
                    <a:pt x="224028" y="12191"/>
                  </a:lnTo>
                  <a:lnTo>
                    <a:pt x="236220" y="24383"/>
                  </a:lnTo>
                  <a:lnTo>
                    <a:pt x="248411" y="24383"/>
                  </a:lnTo>
                  <a:lnTo>
                    <a:pt x="248411" y="12191"/>
                  </a:lnTo>
                  <a:close/>
                </a:path>
              </a:pathLst>
            </a:custGeom>
            <a:solidFill>
              <a:srgbClr val="00508D"/>
            </a:solidFill>
          </p:spPr>
          <p:txBody>
            <a:bodyPr wrap="square" lIns="0" tIns="0" rIns="0" bIns="0" rtlCol="0"/>
            <a:lstStyle/>
            <a:p>
              <a:endParaRPr sz="1154"/>
            </a:p>
          </p:txBody>
        </p:sp>
        <p:pic>
          <p:nvPicPr>
            <p:cNvPr id="57" name="object 57"/>
            <p:cNvPicPr/>
            <p:nvPr/>
          </p:nvPicPr>
          <p:blipFill>
            <a:blip r:embed="rId17" cstate="print"/>
            <a:stretch>
              <a:fillRect/>
            </a:stretch>
          </p:blipFill>
          <p:spPr>
            <a:xfrm>
              <a:off x="2359151" y="10151338"/>
              <a:ext cx="1435608" cy="179832"/>
            </a:xfrm>
            <a:prstGeom prst="rect">
              <a:avLst/>
            </a:prstGeom>
          </p:spPr>
        </p:pic>
      </p:grpSp>
      <p:sp>
        <p:nvSpPr>
          <p:cNvPr id="58" name="object 58"/>
          <p:cNvSpPr txBox="1"/>
          <p:nvPr/>
        </p:nvSpPr>
        <p:spPr>
          <a:xfrm>
            <a:off x="2752521" y="6222030"/>
            <a:ext cx="684171" cy="412631"/>
          </a:xfrm>
          <a:prstGeom prst="rect">
            <a:avLst/>
          </a:prstGeom>
        </p:spPr>
        <p:txBody>
          <a:bodyPr vert="horz" wrap="square" lIns="0" tIns="8145" rIns="0" bIns="0" rtlCol="0">
            <a:spAutoFit/>
          </a:bodyPr>
          <a:lstStyle/>
          <a:p>
            <a:pPr marL="129905" marR="114838" algn="ctr">
              <a:lnSpc>
                <a:spcPct val="114500"/>
              </a:lnSpc>
              <a:spcBef>
                <a:spcPts val="64"/>
              </a:spcBef>
            </a:pPr>
            <a:r>
              <a:rPr sz="705" b="1" spc="-10" dirty="0">
                <a:latin typeface="Yu Gothic UI Semibold"/>
                <a:cs typeface="Yu Gothic UI Semibold"/>
              </a:rPr>
              <a:t>実施⽅針の</a:t>
            </a:r>
            <a:r>
              <a:rPr sz="705" b="1" spc="-6" dirty="0">
                <a:latin typeface="Yu Gothic UI Semibold"/>
                <a:cs typeface="Yu Gothic UI Semibold"/>
              </a:rPr>
              <a:t>策定・公表</a:t>
            </a:r>
            <a:endParaRPr sz="705">
              <a:latin typeface="Yu Gothic UI Semibold"/>
              <a:cs typeface="Yu Gothic UI Semibold"/>
            </a:endParaRPr>
          </a:p>
          <a:p>
            <a:pPr algn="ctr">
              <a:spcBef>
                <a:spcPts val="369"/>
              </a:spcBef>
            </a:pPr>
            <a:r>
              <a:rPr sz="673" b="1" spc="-10" dirty="0">
                <a:latin typeface="Yu Gothic UI Semibold"/>
                <a:cs typeface="Yu Gothic UI Semibold"/>
              </a:rPr>
              <a:t>実施プロセスへ進む</a:t>
            </a:r>
            <a:endParaRPr sz="673">
              <a:latin typeface="Yu Gothic UI Semibold"/>
              <a:cs typeface="Yu Gothic UI Semibold"/>
            </a:endParaRPr>
          </a:p>
        </p:txBody>
      </p:sp>
      <p:grpSp>
        <p:nvGrpSpPr>
          <p:cNvPr id="59" name="object 59"/>
          <p:cNvGrpSpPr/>
          <p:nvPr/>
        </p:nvGrpSpPr>
        <p:grpSpPr>
          <a:xfrm>
            <a:off x="4668525" y="4305374"/>
            <a:ext cx="215025" cy="252492"/>
            <a:chOff x="5337047" y="6713194"/>
            <a:chExt cx="335280" cy="393700"/>
          </a:xfrm>
        </p:grpSpPr>
        <p:sp>
          <p:nvSpPr>
            <p:cNvPr id="60" name="object 60"/>
            <p:cNvSpPr/>
            <p:nvPr/>
          </p:nvSpPr>
          <p:spPr>
            <a:xfrm>
              <a:off x="5341619" y="6725386"/>
              <a:ext cx="325120" cy="367665"/>
            </a:xfrm>
            <a:custGeom>
              <a:avLst/>
              <a:gdLst/>
              <a:ahLst/>
              <a:cxnLst/>
              <a:rect l="l" t="t" r="r" b="b"/>
              <a:pathLst>
                <a:path w="325120" h="367665">
                  <a:moveTo>
                    <a:pt x="163068" y="0"/>
                  </a:moveTo>
                  <a:lnTo>
                    <a:pt x="163068" y="91439"/>
                  </a:lnTo>
                  <a:lnTo>
                    <a:pt x="0" y="91439"/>
                  </a:lnTo>
                  <a:lnTo>
                    <a:pt x="0" y="275843"/>
                  </a:lnTo>
                  <a:lnTo>
                    <a:pt x="163068" y="275843"/>
                  </a:lnTo>
                  <a:lnTo>
                    <a:pt x="163068" y="367283"/>
                  </a:lnTo>
                  <a:lnTo>
                    <a:pt x="324612" y="184403"/>
                  </a:lnTo>
                  <a:lnTo>
                    <a:pt x="163068" y="0"/>
                  </a:lnTo>
                  <a:close/>
                </a:path>
              </a:pathLst>
            </a:custGeom>
            <a:solidFill>
              <a:srgbClr val="FFD552"/>
            </a:solidFill>
          </p:spPr>
          <p:txBody>
            <a:bodyPr wrap="square" lIns="0" tIns="0" rIns="0" bIns="0" rtlCol="0"/>
            <a:lstStyle/>
            <a:p>
              <a:endParaRPr sz="1154"/>
            </a:p>
          </p:txBody>
        </p:sp>
        <p:sp>
          <p:nvSpPr>
            <p:cNvPr id="61" name="object 61"/>
            <p:cNvSpPr/>
            <p:nvPr/>
          </p:nvSpPr>
          <p:spPr>
            <a:xfrm>
              <a:off x="5337047" y="6713194"/>
              <a:ext cx="335280" cy="393700"/>
            </a:xfrm>
            <a:custGeom>
              <a:avLst/>
              <a:gdLst/>
              <a:ahLst/>
              <a:cxnLst/>
              <a:rect l="l" t="t" r="r" b="b"/>
              <a:pathLst>
                <a:path w="335279" h="393700">
                  <a:moveTo>
                    <a:pt x="163068" y="376428"/>
                  </a:moveTo>
                  <a:lnTo>
                    <a:pt x="163068" y="393192"/>
                  </a:lnTo>
                  <a:lnTo>
                    <a:pt x="175082" y="379476"/>
                  </a:lnTo>
                  <a:lnTo>
                    <a:pt x="172212" y="379476"/>
                  </a:lnTo>
                  <a:lnTo>
                    <a:pt x="163068" y="376428"/>
                  </a:lnTo>
                  <a:close/>
                </a:path>
                <a:path w="335279" h="393700">
                  <a:moveTo>
                    <a:pt x="172212" y="366173"/>
                  </a:moveTo>
                  <a:lnTo>
                    <a:pt x="163068" y="376428"/>
                  </a:lnTo>
                  <a:lnTo>
                    <a:pt x="172212" y="379476"/>
                  </a:lnTo>
                  <a:lnTo>
                    <a:pt x="172212" y="366173"/>
                  </a:lnTo>
                  <a:close/>
                </a:path>
                <a:path w="335279" h="393700">
                  <a:moveTo>
                    <a:pt x="323429" y="196583"/>
                  </a:moveTo>
                  <a:lnTo>
                    <a:pt x="172212" y="366173"/>
                  </a:lnTo>
                  <a:lnTo>
                    <a:pt x="172212" y="379476"/>
                  </a:lnTo>
                  <a:lnTo>
                    <a:pt x="175082" y="379476"/>
                  </a:lnTo>
                  <a:lnTo>
                    <a:pt x="332610" y="199644"/>
                  </a:lnTo>
                  <a:lnTo>
                    <a:pt x="326136" y="199644"/>
                  </a:lnTo>
                  <a:lnTo>
                    <a:pt x="323429" y="196583"/>
                  </a:lnTo>
                  <a:close/>
                </a:path>
                <a:path w="335279" h="393700">
                  <a:moveTo>
                    <a:pt x="163068" y="288036"/>
                  </a:moveTo>
                  <a:lnTo>
                    <a:pt x="163068" y="376428"/>
                  </a:lnTo>
                  <a:lnTo>
                    <a:pt x="172212" y="366173"/>
                  </a:lnTo>
                  <a:lnTo>
                    <a:pt x="172212" y="292608"/>
                  </a:lnTo>
                  <a:lnTo>
                    <a:pt x="167640" y="292608"/>
                  </a:lnTo>
                  <a:lnTo>
                    <a:pt x="163068" y="288036"/>
                  </a:lnTo>
                  <a:close/>
                </a:path>
                <a:path w="335279" h="393700">
                  <a:moveTo>
                    <a:pt x="163068" y="99060"/>
                  </a:moveTo>
                  <a:lnTo>
                    <a:pt x="0" y="99060"/>
                  </a:lnTo>
                  <a:lnTo>
                    <a:pt x="0" y="292608"/>
                  </a:lnTo>
                  <a:lnTo>
                    <a:pt x="163068" y="292608"/>
                  </a:lnTo>
                  <a:lnTo>
                    <a:pt x="163068" y="288036"/>
                  </a:lnTo>
                  <a:lnTo>
                    <a:pt x="10668" y="288036"/>
                  </a:lnTo>
                  <a:lnTo>
                    <a:pt x="4572" y="283464"/>
                  </a:lnTo>
                  <a:lnTo>
                    <a:pt x="10668" y="283464"/>
                  </a:lnTo>
                  <a:lnTo>
                    <a:pt x="10668" y="109728"/>
                  </a:lnTo>
                  <a:lnTo>
                    <a:pt x="4572" y="109728"/>
                  </a:lnTo>
                  <a:lnTo>
                    <a:pt x="10668" y="103632"/>
                  </a:lnTo>
                  <a:lnTo>
                    <a:pt x="163068" y="103632"/>
                  </a:lnTo>
                  <a:lnTo>
                    <a:pt x="163068" y="99060"/>
                  </a:lnTo>
                  <a:close/>
                </a:path>
                <a:path w="335279" h="393700">
                  <a:moveTo>
                    <a:pt x="172212" y="283464"/>
                  </a:moveTo>
                  <a:lnTo>
                    <a:pt x="10668" y="283464"/>
                  </a:lnTo>
                  <a:lnTo>
                    <a:pt x="10668" y="288036"/>
                  </a:lnTo>
                  <a:lnTo>
                    <a:pt x="163068" y="288036"/>
                  </a:lnTo>
                  <a:lnTo>
                    <a:pt x="167640" y="292608"/>
                  </a:lnTo>
                  <a:lnTo>
                    <a:pt x="172212" y="292608"/>
                  </a:lnTo>
                  <a:lnTo>
                    <a:pt x="172212" y="283464"/>
                  </a:lnTo>
                  <a:close/>
                </a:path>
                <a:path w="335279" h="393700">
                  <a:moveTo>
                    <a:pt x="10668" y="283464"/>
                  </a:moveTo>
                  <a:lnTo>
                    <a:pt x="4572" y="283464"/>
                  </a:lnTo>
                  <a:lnTo>
                    <a:pt x="10668" y="288036"/>
                  </a:lnTo>
                  <a:lnTo>
                    <a:pt x="10668" y="283464"/>
                  </a:lnTo>
                  <a:close/>
                </a:path>
                <a:path w="335279" h="393700">
                  <a:moveTo>
                    <a:pt x="326136" y="193548"/>
                  </a:moveTo>
                  <a:lnTo>
                    <a:pt x="323429" y="196583"/>
                  </a:lnTo>
                  <a:lnTo>
                    <a:pt x="326136" y="199644"/>
                  </a:lnTo>
                  <a:lnTo>
                    <a:pt x="326136" y="193548"/>
                  </a:lnTo>
                  <a:close/>
                </a:path>
                <a:path w="335279" h="393700">
                  <a:moveTo>
                    <a:pt x="332610" y="193548"/>
                  </a:moveTo>
                  <a:lnTo>
                    <a:pt x="326136" y="193548"/>
                  </a:lnTo>
                  <a:lnTo>
                    <a:pt x="326136" y="199644"/>
                  </a:lnTo>
                  <a:lnTo>
                    <a:pt x="332610" y="199644"/>
                  </a:lnTo>
                  <a:lnTo>
                    <a:pt x="335280" y="196596"/>
                  </a:lnTo>
                  <a:lnTo>
                    <a:pt x="332610" y="193548"/>
                  </a:lnTo>
                  <a:close/>
                </a:path>
                <a:path w="335279" h="393700">
                  <a:moveTo>
                    <a:pt x="173747" y="12192"/>
                  </a:moveTo>
                  <a:lnTo>
                    <a:pt x="172212" y="12192"/>
                  </a:lnTo>
                  <a:lnTo>
                    <a:pt x="172212" y="25580"/>
                  </a:lnTo>
                  <a:lnTo>
                    <a:pt x="323429" y="196583"/>
                  </a:lnTo>
                  <a:lnTo>
                    <a:pt x="326136" y="193548"/>
                  </a:lnTo>
                  <a:lnTo>
                    <a:pt x="332610" y="193548"/>
                  </a:lnTo>
                  <a:lnTo>
                    <a:pt x="173747" y="12192"/>
                  </a:lnTo>
                  <a:close/>
                </a:path>
                <a:path w="335279" h="393700">
                  <a:moveTo>
                    <a:pt x="10668" y="103632"/>
                  </a:moveTo>
                  <a:lnTo>
                    <a:pt x="4572" y="109728"/>
                  </a:lnTo>
                  <a:lnTo>
                    <a:pt x="10668" y="109728"/>
                  </a:lnTo>
                  <a:lnTo>
                    <a:pt x="10668" y="103632"/>
                  </a:lnTo>
                  <a:close/>
                </a:path>
                <a:path w="335279" h="393700">
                  <a:moveTo>
                    <a:pt x="172212" y="99060"/>
                  </a:moveTo>
                  <a:lnTo>
                    <a:pt x="167640" y="99060"/>
                  </a:lnTo>
                  <a:lnTo>
                    <a:pt x="163068" y="103632"/>
                  </a:lnTo>
                  <a:lnTo>
                    <a:pt x="10668" y="103632"/>
                  </a:lnTo>
                  <a:lnTo>
                    <a:pt x="10668" y="109728"/>
                  </a:lnTo>
                  <a:lnTo>
                    <a:pt x="172212" y="109728"/>
                  </a:lnTo>
                  <a:lnTo>
                    <a:pt x="172212" y="99060"/>
                  </a:lnTo>
                  <a:close/>
                </a:path>
                <a:path w="335279" h="393700">
                  <a:moveTo>
                    <a:pt x="163068" y="15240"/>
                  </a:moveTo>
                  <a:lnTo>
                    <a:pt x="163068" y="103632"/>
                  </a:lnTo>
                  <a:lnTo>
                    <a:pt x="167640" y="99060"/>
                  </a:lnTo>
                  <a:lnTo>
                    <a:pt x="172212" y="99060"/>
                  </a:lnTo>
                  <a:lnTo>
                    <a:pt x="172212" y="25580"/>
                  </a:lnTo>
                  <a:lnTo>
                    <a:pt x="163068" y="15240"/>
                  </a:lnTo>
                  <a:close/>
                </a:path>
                <a:path w="335279" h="393700">
                  <a:moveTo>
                    <a:pt x="172212" y="12192"/>
                  </a:moveTo>
                  <a:lnTo>
                    <a:pt x="163068" y="15240"/>
                  </a:lnTo>
                  <a:lnTo>
                    <a:pt x="172212" y="25580"/>
                  </a:lnTo>
                  <a:lnTo>
                    <a:pt x="172212" y="12192"/>
                  </a:lnTo>
                  <a:close/>
                </a:path>
                <a:path w="335279" h="393700">
                  <a:moveTo>
                    <a:pt x="163068" y="0"/>
                  </a:moveTo>
                  <a:lnTo>
                    <a:pt x="163068" y="15240"/>
                  </a:lnTo>
                  <a:lnTo>
                    <a:pt x="172212" y="12192"/>
                  </a:lnTo>
                  <a:lnTo>
                    <a:pt x="173747" y="12192"/>
                  </a:lnTo>
                  <a:lnTo>
                    <a:pt x="163068" y="0"/>
                  </a:lnTo>
                  <a:close/>
                </a:path>
              </a:pathLst>
            </a:custGeom>
            <a:solidFill>
              <a:srgbClr val="FF9966"/>
            </a:solidFill>
          </p:spPr>
          <p:txBody>
            <a:bodyPr wrap="square" lIns="0" tIns="0" rIns="0" bIns="0" rtlCol="0"/>
            <a:lstStyle/>
            <a:p>
              <a:endParaRPr sz="1154"/>
            </a:p>
          </p:txBody>
        </p:sp>
      </p:grpSp>
      <p:sp>
        <p:nvSpPr>
          <p:cNvPr id="62" name="object 62"/>
          <p:cNvSpPr txBox="1"/>
          <p:nvPr/>
        </p:nvSpPr>
        <p:spPr>
          <a:xfrm>
            <a:off x="4896257" y="4301447"/>
            <a:ext cx="447969" cy="252835"/>
          </a:xfrm>
          <a:prstGeom prst="rect">
            <a:avLst/>
          </a:prstGeom>
        </p:spPr>
        <p:txBody>
          <a:bodyPr vert="horz" wrap="square" lIns="0" tIns="22806" rIns="0" bIns="0" rtlCol="0">
            <a:spAutoFit/>
          </a:bodyPr>
          <a:lstStyle/>
          <a:p>
            <a:pPr marL="39908">
              <a:spcBef>
                <a:spcPts val="180"/>
              </a:spcBef>
            </a:pPr>
            <a:r>
              <a:rPr sz="705" b="1" spc="-10" dirty="0">
                <a:latin typeface="Yu Gothic UI Semibold"/>
                <a:cs typeface="Yu Gothic UI Semibold"/>
              </a:rPr>
              <a:t>審査結果</a:t>
            </a:r>
            <a:endParaRPr sz="705">
              <a:latin typeface="Yu Gothic UI Semibold"/>
              <a:cs typeface="Yu Gothic UI Semibold"/>
            </a:endParaRPr>
          </a:p>
          <a:p>
            <a:pPr>
              <a:spcBef>
                <a:spcPts val="115"/>
              </a:spcBef>
            </a:pPr>
            <a:r>
              <a:rPr sz="705" b="1" dirty="0">
                <a:latin typeface="Yu Gothic UI Semibold"/>
                <a:cs typeface="Yu Gothic UI Semibold"/>
              </a:rPr>
              <a:t>（A</a:t>
            </a:r>
            <a:r>
              <a:rPr sz="705" b="1" spc="-10" dirty="0">
                <a:latin typeface="Yu Gothic UI Semibold"/>
                <a:cs typeface="Yu Gothic UI Semibold"/>
              </a:rPr>
              <a:t>・</a:t>
            </a:r>
            <a:r>
              <a:rPr sz="705" b="1" dirty="0">
                <a:latin typeface="Yu Gothic UI Semibold"/>
                <a:cs typeface="Yu Gothic UI Semibold"/>
              </a:rPr>
              <a:t>B・</a:t>
            </a:r>
            <a:r>
              <a:rPr sz="705" b="1" spc="-16" dirty="0">
                <a:latin typeface="Yu Gothic UI Semibold"/>
                <a:cs typeface="Yu Gothic UI Semibold"/>
              </a:rPr>
              <a:t>C）</a:t>
            </a:r>
            <a:endParaRPr sz="705">
              <a:latin typeface="Yu Gothic UI Semibold"/>
              <a:cs typeface="Yu Gothic UI Semibold"/>
            </a:endParaRPr>
          </a:p>
        </p:txBody>
      </p:sp>
      <p:sp>
        <p:nvSpPr>
          <p:cNvPr id="63" name="object 63"/>
          <p:cNvSpPr/>
          <p:nvPr/>
        </p:nvSpPr>
        <p:spPr>
          <a:xfrm>
            <a:off x="4514099" y="4125535"/>
            <a:ext cx="118508" cy="607202"/>
          </a:xfrm>
          <a:custGeom>
            <a:avLst/>
            <a:gdLst/>
            <a:ahLst/>
            <a:cxnLst/>
            <a:rect l="l" t="t" r="r" b="b"/>
            <a:pathLst>
              <a:path w="184785" h="946784">
                <a:moveTo>
                  <a:pt x="149490" y="473409"/>
                </a:moveTo>
                <a:lnTo>
                  <a:pt x="134112" y="478536"/>
                </a:lnTo>
                <a:lnTo>
                  <a:pt x="126492" y="483108"/>
                </a:lnTo>
                <a:lnTo>
                  <a:pt x="120396" y="487680"/>
                </a:lnTo>
                <a:lnTo>
                  <a:pt x="112776" y="492252"/>
                </a:lnTo>
                <a:lnTo>
                  <a:pt x="86868" y="534924"/>
                </a:lnTo>
                <a:lnTo>
                  <a:pt x="85344" y="544068"/>
                </a:lnTo>
                <a:lnTo>
                  <a:pt x="85344" y="861060"/>
                </a:lnTo>
                <a:lnTo>
                  <a:pt x="83820" y="868680"/>
                </a:lnTo>
                <a:lnTo>
                  <a:pt x="83820" y="876300"/>
                </a:lnTo>
                <a:lnTo>
                  <a:pt x="80772" y="883919"/>
                </a:lnTo>
                <a:lnTo>
                  <a:pt x="77724" y="890016"/>
                </a:lnTo>
                <a:lnTo>
                  <a:pt x="74676" y="897636"/>
                </a:lnTo>
                <a:lnTo>
                  <a:pt x="70104" y="903732"/>
                </a:lnTo>
                <a:lnTo>
                  <a:pt x="59436" y="914400"/>
                </a:lnTo>
                <a:lnTo>
                  <a:pt x="47244" y="923544"/>
                </a:lnTo>
                <a:lnTo>
                  <a:pt x="39624" y="926591"/>
                </a:lnTo>
                <a:lnTo>
                  <a:pt x="33528" y="931163"/>
                </a:lnTo>
                <a:lnTo>
                  <a:pt x="24384" y="932688"/>
                </a:lnTo>
                <a:lnTo>
                  <a:pt x="16764" y="934212"/>
                </a:lnTo>
                <a:lnTo>
                  <a:pt x="7620" y="935736"/>
                </a:lnTo>
                <a:lnTo>
                  <a:pt x="0" y="935736"/>
                </a:lnTo>
                <a:lnTo>
                  <a:pt x="0" y="946404"/>
                </a:lnTo>
                <a:lnTo>
                  <a:pt x="9144" y="944880"/>
                </a:lnTo>
                <a:lnTo>
                  <a:pt x="18288" y="944880"/>
                </a:lnTo>
                <a:lnTo>
                  <a:pt x="59436" y="926591"/>
                </a:lnTo>
                <a:lnTo>
                  <a:pt x="67056" y="920496"/>
                </a:lnTo>
                <a:lnTo>
                  <a:pt x="73152" y="915924"/>
                </a:lnTo>
                <a:lnTo>
                  <a:pt x="77724" y="908304"/>
                </a:lnTo>
                <a:lnTo>
                  <a:pt x="82296" y="902208"/>
                </a:lnTo>
                <a:lnTo>
                  <a:pt x="86868" y="894588"/>
                </a:lnTo>
                <a:lnTo>
                  <a:pt x="89916" y="886968"/>
                </a:lnTo>
                <a:lnTo>
                  <a:pt x="92964" y="877824"/>
                </a:lnTo>
                <a:lnTo>
                  <a:pt x="94488" y="870204"/>
                </a:lnTo>
                <a:lnTo>
                  <a:pt x="94488" y="545592"/>
                </a:lnTo>
                <a:lnTo>
                  <a:pt x="97536" y="530352"/>
                </a:lnTo>
                <a:lnTo>
                  <a:pt x="100584" y="524256"/>
                </a:lnTo>
                <a:lnTo>
                  <a:pt x="105155" y="518159"/>
                </a:lnTo>
                <a:lnTo>
                  <a:pt x="108204" y="512064"/>
                </a:lnTo>
                <a:lnTo>
                  <a:pt x="153924" y="481584"/>
                </a:lnTo>
                <a:lnTo>
                  <a:pt x="170688" y="478536"/>
                </a:lnTo>
                <a:lnTo>
                  <a:pt x="179832" y="478536"/>
                </a:lnTo>
                <a:lnTo>
                  <a:pt x="169164" y="477012"/>
                </a:lnTo>
                <a:lnTo>
                  <a:pt x="150876" y="473964"/>
                </a:lnTo>
                <a:lnTo>
                  <a:pt x="149490" y="473409"/>
                </a:lnTo>
                <a:close/>
              </a:path>
              <a:path w="184785" h="946784">
                <a:moveTo>
                  <a:pt x="179832" y="467868"/>
                </a:moveTo>
                <a:lnTo>
                  <a:pt x="170688" y="469392"/>
                </a:lnTo>
                <a:lnTo>
                  <a:pt x="160020" y="469392"/>
                </a:lnTo>
                <a:lnTo>
                  <a:pt x="152400" y="472440"/>
                </a:lnTo>
                <a:lnTo>
                  <a:pt x="149490" y="473409"/>
                </a:lnTo>
                <a:lnTo>
                  <a:pt x="150876" y="473964"/>
                </a:lnTo>
                <a:lnTo>
                  <a:pt x="169164" y="477012"/>
                </a:lnTo>
                <a:lnTo>
                  <a:pt x="179832" y="478536"/>
                </a:lnTo>
                <a:lnTo>
                  <a:pt x="179832" y="467868"/>
                </a:lnTo>
                <a:close/>
              </a:path>
              <a:path w="184785" h="946784">
                <a:moveTo>
                  <a:pt x="182880" y="467868"/>
                </a:moveTo>
                <a:lnTo>
                  <a:pt x="179832" y="467868"/>
                </a:lnTo>
                <a:lnTo>
                  <a:pt x="179832" y="478536"/>
                </a:lnTo>
                <a:lnTo>
                  <a:pt x="182880" y="478536"/>
                </a:lnTo>
                <a:lnTo>
                  <a:pt x="184404" y="475488"/>
                </a:lnTo>
                <a:lnTo>
                  <a:pt x="184404" y="470916"/>
                </a:lnTo>
                <a:lnTo>
                  <a:pt x="182880" y="467868"/>
                </a:lnTo>
                <a:close/>
              </a:path>
              <a:path w="184785" h="946784">
                <a:moveTo>
                  <a:pt x="9144" y="0"/>
                </a:moveTo>
                <a:lnTo>
                  <a:pt x="0" y="0"/>
                </a:lnTo>
                <a:lnTo>
                  <a:pt x="0" y="9144"/>
                </a:lnTo>
                <a:lnTo>
                  <a:pt x="9144" y="10668"/>
                </a:lnTo>
                <a:lnTo>
                  <a:pt x="16764" y="12192"/>
                </a:lnTo>
                <a:lnTo>
                  <a:pt x="25908" y="13716"/>
                </a:lnTo>
                <a:lnTo>
                  <a:pt x="33528" y="15240"/>
                </a:lnTo>
                <a:lnTo>
                  <a:pt x="41148" y="19812"/>
                </a:lnTo>
                <a:lnTo>
                  <a:pt x="47244" y="22860"/>
                </a:lnTo>
                <a:lnTo>
                  <a:pt x="74676" y="50292"/>
                </a:lnTo>
                <a:lnTo>
                  <a:pt x="83820" y="70104"/>
                </a:lnTo>
                <a:lnTo>
                  <a:pt x="83820" y="77724"/>
                </a:lnTo>
                <a:lnTo>
                  <a:pt x="85344" y="85343"/>
                </a:lnTo>
                <a:lnTo>
                  <a:pt x="85344" y="402336"/>
                </a:lnTo>
                <a:lnTo>
                  <a:pt x="88392" y="417576"/>
                </a:lnTo>
                <a:lnTo>
                  <a:pt x="92964" y="426720"/>
                </a:lnTo>
                <a:lnTo>
                  <a:pt x="96012" y="434340"/>
                </a:lnTo>
                <a:lnTo>
                  <a:pt x="100584" y="440436"/>
                </a:lnTo>
                <a:lnTo>
                  <a:pt x="118872" y="458723"/>
                </a:lnTo>
                <a:lnTo>
                  <a:pt x="134112" y="467868"/>
                </a:lnTo>
                <a:lnTo>
                  <a:pt x="143256" y="470916"/>
                </a:lnTo>
                <a:lnTo>
                  <a:pt x="149490" y="473409"/>
                </a:lnTo>
                <a:lnTo>
                  <a:pt x="152400" y="472440"/>
                </a:lnTo>
                <a:lnTo>
                  <a:pt x="160020" y="469392"/>
                </a:lnTo>
                <a:lnTo>
                  <a:pt x="170688" y="469392"/>
                </a:lnTo>
                <a:lnTo>
                  <a:pt x="179832" y="467868"/>
                </a:lnTo>
                <a:lnTo>
                  <a:pt x="170688" y="467868"/>
                </a:lnTo>
                <a:lnTo>
                  <a:pt x="163068" y="466344"/>
                </a:lnTo>
                <a:lnTo>
                  <a:pt x="124968" y="451104"/>
                </a:lnTo>
                <a:lnTo>
                  <a:pt x="114300" y="440436"/>
                </a:lnTo>
                <a:lnTo>
                  <a:pt x="108204" y="435864"/>
                </a:lnTo>
                <a:lnTo>
                  <a:pt x="105155" y="429768"/>
                </a:lnTo>
                <a:lnTo>
                  <a:pt x="100584" y="422148"/>
                </a:lnTo>
                <a:lnTo>
                  <a:pt x="97536" y="416052"/>
                </a:lnTo>
                <a:lnTo>
                  <a:pt x="94488" y="400812"/>
                </a:lnTo>
                <a:lnTo>
                  <a:pt x="94488" y="76200"/>
                </a:lnTo>
                <a:lnTo>
                  <a:pt x="92964" y="67056"/>
                </a:lnTo>
                <a:lnTo>
                  <a:pt x="65532" y="24384"/>
                </a:lnTo>
                <a:lnTo>
                  <a:pt x="18288" y="1524"/>
                </a:lnTo>
                <a:lnTo>
                  <a:pt x="9144" y="0"/>
                </a:lnTo>
                <a:close/>
              </a:path>
            </a:pathLst>
          </a:custGeom>
          <a:solidFill>
            <a:srgbClr val="FF9966"/>
          </a:solidFill>
        </p:spPr>
        <p:txBody>
          <a:bodyPr wrap="square" lIns="0" tIns="0" rIns="0" bIns="0" rtlCol="0"/>
          <a:lstStyle/>
          <a:p>
            <a:endParaRPr sz="1154"/>
          </a:p>
        </p:txBody>
      </p:sp>
      <p:grpSp>
        <p:nvGrpSpPr>
          <p:cNvPr id="64" name="object 64"/>
          <p:cNvGrpSpPr/>
          <p:nvPr/>
        </p:nvGrpSpPr>
        <p:grpSpPr>
          <a:xfrm>
            <a:off x="9600422" y="1583351"/>
            <a:ext cx="385253" cy="878019"/>
            <a:chOff x="13027152" y="2468854"/>
            <a:chExt cx="600710" cy="1369060"/>
          </a:xfrm>
        </p:grpSpPr>
        <p:sp>
          <p:nvSpPr>
            <p:cNvPr id="65" name="object 65"/>
            <p:cNvSpPr/>
            <p:nvPr/>
          </p:nvSpPr>
          <p:spPr>
            <a:xfrm>
              <a:off x="13257276" y="2468854"/>
              <a:ext cx="180340" cy="1369060"/>
            </a:xfrm>
            <a:custGeom>
              <a:avLst/>
              <a:gdLst/>
              <a:ahLst/>
              <a:cxnLst/>
              <a:rect l="l" t="t" r="r" b="b"/>
              <a:pathLst>
                <a:path w="180340" h="1369060">
                  <a:moveTo>
                    <a:pt x="0" y="0"/>
                  </a:moveTo>
                  <a:lnTo>
                    <a:pt x="0" y="1368552"/>
                  </a:lnTo>
                  <a:lnTo>
                    <a:pt x="179832" y="684276"/>
                  </a:lnTo>
                  <a:lnTo>
                    <a:pt x="0" y="0"/>
                  </a:lnTo>
                  <a:close/>
                </a:path>
              </a:pathLst>
            </a:custGeom>
            <a:solidFill>
              <a:srgbClr val="D8D8D8"/>
            </a:solidFill>
          </p:spPr>
          <p:txBody>
            <a:bodyPr wrap="square" lIns="0" tIns="0" rIns="0" bIns="0" rtlCol="0"/>
            <a:lstStyle/>
            <a:p>
              <a:endParaRPr sz="1154"/>
            </a:p>
          </p:txBody>
        </p:sp>
        <p:pic>
          <p:nvPicPr>
            <p:cNvPr id="66" name="object 66"/>
            <p:cNvPicPr/>
            <p:nvPr/>
          </p:nvPicPr>
          <p:blipFill>
            <a:blip r:embed="rId18" cstate="print"/>
            <a:stretch>
              <a:fillRect/>
            </a:stretch>
          </p:blipFill>
          <p:spPr>
            <a:xfrm>
              <a:off x="13027152" y="2516098"/>
              <a:ext cx="600455" cy="1179576"/>
            </a:xfrm>
            <a:prstGeom prst="rect">
              <a:avLst/>
            </a:prstGeom>
          </p:spPr>
        </p:pic>
      </p:grpSp>
      <p:sp>
        <p:nvSpPr>
          <p:cNvPr id="67" name="object 67"/>
          <p:cNvSpPr/>
          <p:nvPr/>
        </p:nvSpPr>
        <p:spPr>
          <a:xfrm>
            <a:off x="7165751" y="1615605"/>
            <a:ext cx="115657" cy="392991"/>
          </a:xfrm>
          <a:custGeom>
            <a:avLst/>
            <a:gdLst/>
            <a:ahLst/>
            <a:cxnLst/>
            <a:rect l="l" t="t" r="r" b="b"/>
            <a:pathLst>
              <a:path w="180340" h="612775">
                <a:moveTo>
                  <a:pt x="0" y="0"/>
                </a:moveTo>
                <a:lnTo>
                  <a:pt x="0" y="612648"/>
                </a:lnTo>
                <a:lnTo>
                  <a:pt x="179832" y="306324"/>
                </a:lnTo>
                <a:lnTo>
                  <a:pt x="0" y="0"/>
                </a:lnTo>
                <a:close/>
              </a:path>
            </a:pathLst>
          </a:custGeom>
          <a:solidFill>
            <a:srgbClr val="D8D8D8"/>
          </a:solidFill>
        </p:spPr>
        <p:txBody>
          <a:bodyPr wrap="square" lIns="0" tIns="0" rIns="0" bIns="0" rtlCol="0"/>
          <a:lstStyle/>
          <a:p>
            <a:endParaRPr sz="1154"/>
          </a:p>
        </p:txBody>
      </p:sp>
      <p:sp>
        <p:nvSpPr>
          <p:cNvPr id="68" name="object 68"/>
          <p:cNvSpPr txBox="1"/>
          <p:nvPr/>
        </p:nvSpPr>
        <p:spPr>
          <a:xfrm rot="10800000">
            <a:off x="9799172" y="1983631"/>
            <a:ext cx="126704" cy="69314"/>
          </a:xfrm>
          <a:prstGeom prst="rect">
            <a:avLst/>
          </a:prstGeom>
        </p:spPr>
        <p:txBody>
          <a:bodyPr vert="horz" wrap="square" lIns="0" tIns="0" rIns="0" bIns="0" rtlCol="0">
            <a:spAutoFit/>
          </a:bodyPr>
          <a:lstStyle/>
          <a:p>
            <a:pPr>
              <a:lnSpc>
                <a:spcPct val="60000"/>
              </a:lnSpc>
            </a:pPr>
            <a:r>
              <a:rPr sz="705" b="1" dirty="0">
                <a:latin typeface="Yu Gothic UI Semibold"/>
                <a:cs typeface="Yu Gothic UI Semibold"/>
              </a:rPr>
              <a:t>に</a:t>
            </a:r>
            <a:endParaRPr sz="705">
              <a:latin typeface="Yu Gothic UI Semibold"/>
              <a:cs typeface="Yu Gothic UI Semibold"/>
            </a:endParaRPr>
          </a:p>
        </p:txBody>
      </p:sp>
      <p:sp>
        <p:nvSpPr>
          <p:cNvPr id="69" name="object 69"/>
          <p:cNvSpPr txBox="1"/>
          <p:nvPr/>
        </p:nvSpPr>
        <p:spPr>
          <a:xfrm rot="10800000">
            <a:off x="9673089" y="2073551"/>
            <a:ext cx="126704" cy="69314"/>
          </a:xfrm>
          <a:prstGeom prst="rect">
            <a:avLst/>
          </a:prstGeom>
        </p:spPr>
        <p:txBody>
          <a:bodyPr vert="horz" wrap="square" lIns="0" tIns="0" rIns="0" bIns="0" rtlCol="0">
            <a:spAutoFit/>
          </a:bodyPr>
          <a:lstStyle/>
          <a:p>
            <a:pPr>
              <a:lnSpc>
                <a:spcPct val="60000"/>
              </a:lnSpc>
            </a:pPr>
            <a:r>
              <a:rPr sz="705" b="1" dirty="0">
                <a:latin typeface="Yu Gothic UI Semibold"/>
                <a:cs typeface="Yu Gothic UI Semibold"/>
              </a:rPr>
              <a:t>を</a:t>
            </a:r>
            <a:endParaRPr sz="705">
              <a:latin typeface="Yu Gothic UI Semibold"/>
              <a:cs typeface="Yu Gothic UI Semibold"/>
            </a:endParaRPr>
          </a:p>
        </p:txBody>
      </p:sp>
      <p:sp>
        <p:nvSpPr>
          <p:cNvPr id="70" name="object 70"/>
          <p:cNvSpPr txBox="1"/>
          <p:nvPr/>
        </p:nvSpPr>
        <p:spPr>
          <a:xfrm>
            <a:off x="9715637" y="1607460"/>
            <a:ext cx="191847" cy="734669"/>
          </a:xfrm>
          <a:prstGeom prst="rect">
            <a:avLst/>
          </a:prstGeom>
        </p:spPr>
        <p:txBody>
          <a:bodyPr vert="eaVert" wrap="square" lIns="0" tIns="0" rIns="0" bIns="0" rtlCol="0">
            <a:spAutoFit/>
          </a:bodyPr>
          <a:lstStyle/>
          <a:p>
            <a:pPr marL="8145">
              <a:lnSpc>
                <a:spcPct val="65000"/>
              </a:lnSpc>
            </a:pPr>
            <a:r>
              <a:rPr sz="705" b="1" dirty="0">
                <a:latin typeface="Yu Gothic UI Semibold"/>
                <a:cs typeface="Yu Gothic UI Semibold"/>
              </a:rPr>
              <a:t>課題解決</a:t>
            </a:r>
            <a:endParaRPr sz="705">
              <a:latin typeface="Yu Gothic UI Semibold"/>
              <a:cs typeface="Yu Gothic UI Semibold"/>
            </a:endParaRPr>
          </a:p>
          <a:p>
            <a:pPr marL="97734">
              <a:spcBef>
                <a:spcPts val="115"/>
              </a:spcBef>
              <a:tabLst>
                <a:tab pos="546496" algn="l"/>
              </a:tabLst>
            </a:pPr>
            <a:r>
              <a:rPr sz="705" b="1" dirty="0">
                <a:latin typeface="Yu Gothic UI Semibold"/>
                <a:cs typeface="Yu Gothic UI Semibold"/>
              </a:rPr>
              <a:t>民間活力	導入</a:t>
            </a:r>
            <a:endParaRPr sz="705">
              <a:latin typeface="Yu Gothic UI Semibold"/>
              <a:cs typeface="Yu Gothic UI Semibold"/>
            </a:endParaRPr>
          </a:p>
        </p:txBody>
      </p:sp>
      <p:pic>
        <p:nvPicPr>
          <p:cNvPr id="71" name="object 71"/>
          <p:cNvPicPr/>
          <p:nvPr/>
        </p:nvPicPr>
        <p:blipFill>
          <a:blip r:embed="rId19" cstate="print"/>
          <a:stretch>
            <a:fillRect/>
          </a:stretch>
        </p:blipFill>
        <p:spPr>
          <a:xfrm>
            <a:off x="6305649" y="1589215"/>
            <a:ext cx="813186" cy="422231"/>
          </a:xfrm>
          <a:prstGeom prst="rect">
            <a:avLst/>
          </a:prstGeom>
        </p:spPr>
      </p:pic>
      <p:sp>
        <p:nvSpPr>
          <p:cNvPr id="72" name="object 72"/>
          <p:cNvSpPr txBox="1"/>
          <p:nvPr/>
        </p:nvSpPr>
        <p:spPr>
          <a:xfrm>
            <a:off x="6345396" y="1609740"/>
            <a:ext cx="733448" cy="378895"/>
          </a:xfrm>
          <a:prstGeom prst="rect">
            <a:avLst/>
          </a:prstGeom>
        </p:spPr>
        <p:txBody>
          <a:bodyPr vert="horz" wrap="square" lIns="0" tIns="22806" rIns="0" bIns="0" rtlCol="0">
            <a:spAutoFit/>
          </a:bodyPr>
          <a:lstStyle/>
          <a:p>
            <a:pPr algn="ctr">
              <a:spcBef>
                <a:spcPts val="180"/>
              </a:spcBef>
            </a:pPr>
            <a:r>
              <a:rPr sz="705" spc="-10" dirty="0">
                <a:latin typeface="メイリオ"/>
                <a:cs typeface="メイリオ"/>
              </a:rPr>
              <a:t>【課題①】</a:t>
            </a:r>
            <a:endParaRPr sz="705">
              <a:latin typeface="メイリオ"/>
              <a:cs typeface="メイリオ"/>
            </a:endParaRPr>
          </a:p>
          <a:p>
            <a:pPr marL="8145" marR="3258" algn="ctr">
              <a:lnSpc>
                <a:spcPct val="113599"/>
              </a:lnSpc>
            </a:pPr>
            <a:r>
              <a:rPr sz="705" spc="-10" dirty="0">
                <a:latin typeface="メイリオ"/>
                <a:cs typeface="メイリオ"/>
              </a:rPr>
              <a:t>⼤量の要修繕橋梁への対応</a:t>
            </a:r>
            <a:endParaRPr sz="705">
              <a:latin typeface="メイリオ"/>
              <a:cs typeface="メイリオ"/>
            </a:endParaRPr>
          </a:p>
        </p:txBody>
      </p:sp>
      <p:pic>
        <p:nvPicPr>
          <p:cNvPr id="73" name="object 73"/>
          <p:cNvPicPr/>
          <p:nvPr/>
        </p:nvPicPr>
        <p:blipFill>
          <a:blip r:embed="rId20" cstate="print"/>
          <a:stretch>
            <a:fillRect/>
          </a:stretch>
        </p:blipFill>
        <p:spPr>
          <a:xfrm>
            <a:off x="7315291" y="1589215"/>
            <a:ext cx="2337909" cy="421254"/>
          </a:xfrm>
          <a:prstGeom prst="rect">
            <a:avLst/>
          </a:prstGeom>
        </p:spPr>
      </p:pic>
      <p:sp>
        <p:nvSpPr>
          <p:cNvPr id="74" name="object 74"/>
          <p:cNvSpPr txBox="1"/>
          <p:nvPr/>
        </p:nvSpPr>
        <p:spPr>
          <a:xfrm>
            <a:off x="7349173" y="1594102"/>
            <a:ext cx="2269167" cy="376395"/>
          </a:xfrm>
          <a:prstGeom prst="rect">
            <a:avLst/>
          </a:prstGeom>
        </p:spPr>
        <p:txBody>
          <a:bodyPr vert="horz" wrap="square" lIns="0" tIns="22806" rIns="0" bIns="0" rtlCol="0">
            <a:spAutoFit/>
          </a:bodyPr>
          <a:lstStyle/>
          <a:p>
            <a:pPr marL="8145">
              <a:spcBef>
                <a:spcPts val="180"/>
              </a:spcBef>
            </a:pPr>
            <a:r>
              <a:rPr sz="705" b="1" spc="-10" dirty="0">
                <a:latin typeface="メイリオ"/>
                <a:cs typeface="メイリオ"/>
              </a:rPr>
              <a:t>〔解決方策①〕</a:t>
            </a:r>
            <a:endParaRPr sz="705">
              <a:latin typeface="メイリオ"/>
              <a:cs typeface="メイリオ"/>
            </a:endParaRPr>
          </a:p>
          <a:p>
            <a:pPr marL="8145" marR="3258">
              <a:lnSpc>
                <a:spcPts val="968"/>
              </a:lnSpc>
              <a:spcBef>
                <a:spcPts val="45"/>
              </a:spcBef>
            </a:pPr>
            <a:r>
              <a:rPr sz="705" b="1" spc="-3" dirty="0">
                <a:latin typeface="Yu Gothic UI Semibold"/>
                <a:cs typeface="Yu Gothic UI Semibold"/>
              </a:rPr>
              <a:t>最新技術⼒、運営ノウハウを投⼊し、予防保全の観点から⻑</a:t>
            </a:r>
            <a:r>
              <a:rPr sz="705" b="1" spc="-13" dirty="0">
                <a:latin typeface="Yu Gothic UI Semibold"/>
                <a:cs typeface="Yu Gothic UI Semibold"/>
              </a:rPr>
              <a:t>期視点で最適管理を実現するマネジメント体制を構築</a:t>
            </a:r>
            <a:endParaRPr sz="705">
              <a:latin typeface="Yu Gothic UI Semibold"/>
              <a:cs typeface="Yu Gothic UI Semibold"/>
            </a:endParaRPr>
          </a:p>
        </p:txBody>
      </p:sp>
      <p:pic>
        <p:nvPicPr>
          <p:cNvPr id="75" name="object 75"/>
          <p:cNvPicPr/>
          <p:nvPr/>
        </p:nvPicPr>
        <p:blipFill>
          <a:blip r:embed="rId21" cstate="print"/>
          <a:stretch>
            <a:fillRect/>
          </a:stretch>
        </p:blipFill>
        <p:spPr>
          <a:xfrm>
            <a:off x="9937620" y="1589215"/>
            <a:ext cx="651917" cy="421254"/>
          </a:xfrm>
          <a:prstGeom prst="rect">
            <a:avLst/>
          </a:prstGeom>
        </p:spPr>
      </p:pic>
      <p:sp>
        <p:nvSpPr>
          <p:cNvPr id="76" name="object 76"/>
          <p:cNvSpPr txBox="1"/>
          <p:nvPr/>
        </p:nvSpPr>
        <p:spPr>
          <a:xfrm>
            <a:off x="9986163" y="1601921"/>
            <a:ext cx="554667" cy="376915"/>
          </a:xfrm>
          <a:prstGeom prst="rect">
            <a:avLst/>
          </a:prstGeom>
        </p:spPr>
        <p:txBody>
          <a:bodyPr vert="horz" wrap="square" lIns="0" tIns="8145" rIns="0" bIns="0" rtlCol="0">
            <a:spAutoFit/>
          </a:bodyPr>
          <a:lstStyle/>
          <a:p>
            <a:pPr marL="97734" marR="45202" indent="-48053">
              <a:lnSpc>
                <a:spcPct val="113599"/>
              </a:lnSpc>
              <a:spcBef>
                <a:spcPts val="64"/>
              </a:spcBef>
            </a:pPr>
            <a:r>
              <a:rPr sz="705" b="1" dirty="0">
                <a:solidFill>
                  <a:srgbClr val="FFFFFF"/>
                </a:solidFill>
                <a:latin typeface="メイリオ"/>
                <a:cs typeface="メイリオ"/>
              </a:rPr>
              <a:t>PFI</a:t>
            </a:r>
            <a:r>
              <a:rPr sz="705" b="1" spc="-29" dirty="0">
                <a:solidFill>
                  <a:srgbClr val="FFFFFF"/>
                </a:solidFill>
                <a:latin typeface="メイリオ"/>
                <a:cs typeface="メイリオ"/>
              </a:rPr>
              <a:t> 手法に</a:t>
            </a:r>
            <a:r>
              <a:rPr sz="705" b="1" dirty="0">
                <a:solidFill>
                  <a:srgbClr val="FFFFFF"/>
                </a:solidFill>
                <a:latin typeface="メイリオ"/>
                <a:cs typeface="メイリオ"/>
              </a:rPr>
              <a:t>よる</a:t>
            </a:r>
            <a:r>
              <a:rPr sz="705" b="1" spc="-16" dirty="0">
                <a:solidFill>
                  <a:srgbClr val="FFD866"/>
                </a:solidFill>
                <a:latin typeface="メイリオ"/>
                <a:cs typeface="メイリオ"/>
              </a:rPr>
              <a:t>橋梁</a:t>
            </a:r>
            <a:endParaRPr sz="705">
              <a:latin typeface="メイリオ"/>
              <a:cs typeface="メイリオ"/>
            </a:endParaRPr>
          </a:p>
          <a:p>
            <a:pPr marL="8145">
              <a:spcBef>
                <a:spcPts val="115"/>
              </a:spcBef>
            </a:pPr>
            <a:r>
              <a:rPr sz="705" b="1" spc="-10" dirty="0">
                <a:solidFill>
                  <a:srgbClr val="FFD866"/>
                </a:solidFill>
                <a:latin typeface="メイリオ"/>
                <a:cs typeface="メイリオ"/>
              </a:rPr>
              <a:t>包括維持管理</a:t>
            </a:r>
            <a:endParaRPr sz="705">
              <a:latin typeface="メイリオ"/>
              <a:cs typeface="メイリオ"/>
            </a:endParaRPr>
          </a:p>
        </p:txBody>
      </p:sp>
      <p:pic>
        <p:nvPicPr>
          <p:cNvPr id="77" name="object 77"/>
          <p:cNvPicPr/>
          <p:nvPr/>
        </p:nvPicPr>
        <p:blipFill>
          <a:blip r:embed="rId22" cstate="print"/>
          <a:stretch>
            <a:fillRect/>
          </a:stretch>
        </p:blipFill>
        <p:spPr>
          <a:xfrm>
            <a:off x="6305649" y="2044677"/>
            <a:ext cx="813186" cy="421254"/>
          </a:xfrm>
          <a:prstGeom prst="rect">
            <a:avLst/>
          </a:prstGeom>
        </p:spPr>
      </p:pic>
      <p:sp>
        <p:nvSpPr>
          <p:cNvPr id="78" name="object 78"/>
          <p:cNvSpPr txBox="1"/>
          <p:nvPr/>
        </p:nvSpPr>
        <p:spPr>
          <a:xfrm>
            <a:off x="6345396" y="2065203"/>
            <a:ext cx="733448" cy="378895"/>
          </a:xfrm>
          <a:prstGeom prst="rect">
            <a:avLst/>
          </a:prstGeom>
        </p:spPr>
        <p:txBody>
          <a:bodyPr vert="horz" wrap="square" lIns="0" tIns="22806" rIns="0" bIns="0" rtlCol="0">
            <a:spAutoFit/>
          </a:bodyPr>
          <a:lstStyle/>
          <a:p>
            <a:pPr algn="ctr">
              <a:spcBef>
                <a:spcPts val="180"/>
              </a:spcBef>
            </a:pPr>
            <a:r>
              <a:rPr sz="705" spc="-10" dirty="0">
                <a:latin typeface="メイリオ"/>
                <a:cs typeface="メイリオ"/>
              </a:rPr>
              <a:t>【課題②】</a:t>
            </a:r>
            <a:endParaRPr sz="705">
              <a:latin typeface="メイリオ"/>
              <a:cs typeface="メイリオ"/>
            </a:endParaRPr>
          </a:p>
          <a:p>
            <a:pPr marL="8145" marR="3258" algn="ctr">
              <a:lnSpc>
                <a:spcPct val="113599"/>
              </a:lnSpc>
            </a:pPr>
            <a:r>
              <a:rPr sz="705" spc="-3" dirty="0">
                <a:latin typeface="メイリオ"/>
                <a:cs typeface="メイリオ"/>
              </a:rPr>
              <a:t>神通⼤橋</a:t>
            </a:r>
            <a:r>
              <a:rPr sz="705" dirty="0">
                <a:latin typeface="メイリオ"/>
                <a:cs typeface="メイリオ"/>
              </a:rPr>
              <a:t>（</a:t>
            </a:r>
            <a:r>
              <a:rPr sz="705" spc="-3" dirty="0">
                <a:latin typeface="メイリオ"/>
                <a:cs typeface="メイリオ"/>
              </a:rPr>
              <a:t>旧橋</a:t>
            </a:r>
            <a:r>
              <a:rPr sz="705" spc="-32" dirty="0">
                <a:latin typeface="メイリオ"/>
                <a:cs typeface="メイリオ"/>
              </a:rPr>
              <a:t>）</a:t>
            </a:r>
            <a:r>
              <a:rPr sz="705" spc="-10" dirty="0">
                <a:latin typeface="メイリオ"/>
                <a:cs typeface="メイリオ"/>
              </a:rPr>
              <a:t>の抜本的対策</a:t>
            </a:r>
            <a:endParaRPr sz="705">
              <a:latin typeface="メイリオ"/>
              <a:cs typeface="メイリオ"/>
            </a:endParaRPr>
          </a:p>
        </p:txBody>
      </p:sp>
      <p:pic>
        <p:nvPicPr>
          <p:cNvPr id="79" name="object 79"/>
          <p:cNvPicPr/>
          <p:nvPr/>
        </p:nvPicPr>
        <p:blipFill>
          <a:blip r:embed="rId23" cstate="print"/>
          <a:stretch>
            <a:fillRect/>
          </a:stretch>
        </p:blipFill>
        <p:spPr>
          <a:xfrm>
            <a:off x="7315291" y="2044677"/>
            <a:ext cx="2337909" cy="421254"/>
          </a:xfrm>
          <a:prstGeom prst="rect">
            <a:avLst/>
          </a:prstGeom>
        </p:spPr>
      </p:pic>
      <p:sp>
        <p:nvSpPr>
          <p:cNvPr id="80" name="object 80"/>
          <p:cNvSpPr txBox="1"/>
          <p:nvPr/>
        </p:nvSpPr>
        <p:spPr>
          <a:xfrm>
            <a:off x="7350150" y="2050542"/>
            <a:ext cx="2269982" cy="368444"/>
          </a:xfrm>
          <a:prstGeom prst="rect">
            <a:avLst/>
          </a:prstGeom>
        </p:spPr>
        <p:txBody>
          <a:bodyPr vert="horz" wrap="square" lIns="0" tIns="22806" rIns="0" bIns="0" rtlCol="0">
            <a:spAutoFit/>
          </a:bodyPr>
          <a:lstStyle/>
          <a:p>
            <a:pPr marL="8145">
              <a:spcBef>
                <a:spcPts val="180"/>
              </a:spcBef>
            </a:pPr>
            <a:r>
              <a:rPr sz="705" b="1" spc="-10" dirty="0">
                <a:latin typeface="メイリオ"/>
                <a:cs typeface="メイリオ"/>
              </a:rPr>
              <a:t>〔解決方策②〕</a:t>
            </a:r>
            <a:endParaRPr sz="705">
              <a:latin typeface="メイリオ"/>
              <a:cs typeface="メイリオ"/>
            </a:endParaRPr>
          </a:p>
          <a:p>
            <a:pPr marL="8145" marR="3258">
              <a:lnSpc>
                <a:spcPct val="113599"/>
              </a:lnSpc>
            </a:pPr>
            <a:r>
              <a:rPr sz="705" b="1" spc="-45" dirty="0">
                <a:latin typeface="Yu Gothic UI Semibold"/>
                <a:cs typeface="Yu Gothic UI Semibold"/>
              </a:rPr>
              <a:t>早期に抜本的な対策を実現することが最善であり、これを実行する</a:t>
            </a:r>
            <a:r>
              <a:rPr sz="705" b="1" spc="-51" dirty="0">
                <a:latin typeface="Yu Gothic UI Semibold"/>
                <a:cs typeface="Yu Gothic UI Semibold"/>
              </a:rPr>
              <a:t>資⾦調達、コスト・交通影響の抑制を可能とする施⼯⽅法の実現</a:t>
            </a:r>
            <a:endParaRPr sz="705">
              <a:latin typeface="Yu Gothic UI Semibold"/>
              <a:cs typeface="Yu Gothic UI Semibold"/>
            </a:endParaRPr>
          </a:p>
        </p:txBody>
      </p:sp>
      <p:pic>
        <p:nvPicPr>
          <p:cNvPr id="81" name="object 81"/>
          <p:cNvPicPr/>
          <p:nvPr/>
        </p:nvPicPr>
        <p:blipFill>
          <a:blip r:embed="rId24" cstate="print"/>
          <a:stretch>
            <a:fillRect/>
          </a:stretch>
        </p:blipFill>
        <p:spPr>
          <a:xfrm>
            <a:off x="9937620" y="2044677"/>
            <a:ext cx="651917" cy="421254"/>
          </a:xfrm>
          <a:prstGeom prst="rect">
            <a:avLst/>
          </a:prstGeom>
        </p:spPr>
      </p:pic>
      <p:sp>
        <p:nvSpPr>
          <p:cNvPr id="82" name="object 82"/>
          <p:cNvSpPr txBox="1"/>
          <p:nvPr/>
        </p:nvSpPr>
        <p:spPr>
          <a:xfrm>
            <a:off x="10028191" y="2058361"/>
            <a:ext cx="470775" cy="379288"/>
          </a:xfrm>
          <a:prstGeom prst="rect">
            <a:avLst/>
          </a:prstGeom>
        </p:spPr>
        <p:txBody>
          <a:bodyPr vert="horz" wrap="square" lIns="0" tIns="8145" rIns="0" bIns="0" rtlCol="0">
            <a:spAutoFit/>
          </a:bodyPr>
          <a:lstStyle/>
          <a:p>
            <a:pPr marL="7737" marR="3258" algn="ctr">
              <a:lnSpc>
                <a:spcPct val="113599"/>
              </a:lnSpc>
              <a:spcBef>
                <a:spcPts val="64"/>
              </a:spcBef>
            </a:pPr>
            <a:r>
              <a:rPr sz="705" b="1" dirty="0">
                <a:solidFill>
                  <a:srgbClr val="FFFFFF"/>
                </a:solidFill>
                <a:latin typeface="メイリオ"/>
                <a:cs typeface="メイリオ"/>
              </a:rPr>
              <a:t>PFI</a:t>
            </a:r>
            <a:r>
              <a:rPr sz="705" b="1" spc="-29" dirty="0">
                <a:solidFill>
                  <a:srgbClr val="FFFFFF"/>
                </a:solidFill>
                <a:latin typeface="メイリオ"/>
                <a:cs typeface="メイリオ"/>
              </a:rPr>
              <a:t> 手法に</a:t>
            </a:r>
            <a:r>
              <a:rPr sz="705" b="1" dirty="0">
                <a:solidFill>
                  <a:srgbClr val="FFFFFF"/>
                </a:solidFill>
                <a:latin typeface="メイリオ"/>
                <a:cs typeface="メイリオ"/>
              </a:rPr>
              <a:t>よる</a:t>
            </a:r>
            <a:r>
              <a:rPr sz="705" b="1" spc="-16" dirty="0">
                <a:solidFill>
                  <a:srgbClr val="FFD866"/>
                </a:solidFill>
                <a:latin typeface="メイリオ"/>
                <a:cs typeface="メイリオ"/>
              </a:rPr>
              <a:t>橋梁</a:t>
            </a:r>
            <a:r>
              <a:rPr sz="705" b="1" dirty="0">
                <a:solidFill>
                  <a:srgbClr val="FFD866"/>
                </a:solidFill>
                <a:latin typeface="メイリオ"/>
                <a:cs typeface="メイリオ"/>
              </a:rPr>
              <a:t> </a:t>
            </a:r>
            <a:r>
              <a:rPr sz="705" b="1" spc="-10" dirty="0">
                <a:solidFill>
                  <a:srgbClr val="FFD866"/>
                </a:solidFill>
                <a:latin typeface="メイリオ"/>
                <a:cs typeface="メイリオ"/>
              </a:rPr>
              <a:t>大規模更新</a:t>
            </a:r>
            <a:endParaRPr sz="705">
              <a:latin typeface="メイリオ"/>
              <a:cs typeface="メイリオ"/>
            </a:endParaRPr>
          </a:p>
        </p:txBody>
      </p:sp>
      <p:sp>
        <p:nvSpPr>
          <p:cNvPr id="83" name="object 83"/>
          <p:cNvSpPr/>
          <p:nvPr/>
        </p:nvSpPr>
        <p:spPr>
          <a:xfrm>
            <a:off x="7165751" y="2062270"/>
            <a:ext cx="115657" cy="392177"/>
          </a:xfrm>
          <a:custGeom>
            <a:avLst/>
            <a:gdLst/>
            <a:ahLst/>
            <a:cxnLst/>
            <a:rect l="l" t="t" r="r" b="b"/>
            <a:pathLst>
              <a:path w="180340" h="611504">
                <a:moveTo>
                  <a:pt x="0" y="0"/>
                </a:moveTo>
                <a:lnTo>
                  <a:pt x="0" y="611124"/>
                </a:lnTo>
                <a:lnTo>
                  <a:pt x="179832" y="306324"/>
                </a:lnTo>
                <a:lnTo>
                  <a:pt x="0" y="0"/>
                </a:lnTo>
                <a:close/>
              </a:path>
            </a:pathLst>
          </a:custGeom>
          <a:solidFill>
            <a:srgbClr val="D8D8D8"/>
          </a:solidFill>
        </p:spPr>
        <p:txBody>
          <a:bodyPr wrap="square" lIns="0" tIns="0" rIns="0" bIns="0" rtlCol="0"/>
          <a:lstStyle/>
          <a:p>
            <a:endParaRPr sz="1154"/>
          </a:p>
        </p:txBody>
      </p:sp>
      <p:grpSp>
        <p:nvGrpSpPr>
          <p:cNvPr id="84" name="object 84"/>
          <p:cNvGrpSpPr/>
          <p:nvPr/>
        </p:nvGrpSpPr>
        <p:grpSpPr>
          <a:xfrm>
            <a:off x="7207778" y="4605432"/>
            <a:ext cx="3007502" cy="856436"/>
            <a:chOff x="9296400" y="7181062"/>
            <a:chExt cx="4689475" cy="1335405"/>
          </a:xfrm>
        </p:grpSpPr>
        <p:sp>
          <p:nvSpPr>
            <p:cNvPr id="85" name="object 85"/>
            <p:cNvSpPr/>
            <p:nvPr/>
          </p:nvSpPr>
          <p:spPr>
            <a:xfrm>
              <a:off x="11638788" y="7437094"/>
              <a:ext cx="20320" cy="104139"/>
            </a:xfrm>
            <a:custGeom>
              <a:avLst/>
              <a:gdLst/>
              <a:ahLst/>
              <a:cxnLst/>
              <a:rect l="l" t="t" r="r" b="b"/>
              <a:pathLst>
                <a:path w="20320" h="104140">
                  <a:moveTo>
                    <a:pt x="0" y="103632"/>
                  </a:moveTo>
                  <a:lnTo>
                    <a:pt x="19811" y="103632"/>
                  </a:lnTo>
                  <a:lnTo>
                    <a:pt x="19811" y="0"/>
                  </a:lnTo>
                  <a:lnTo>
                    <a:pt x="0" y="0"/>
                  </a:lnTo>
                  <a:lnTo>
                    <a:pt x="0" y="103632"/>
                  </a:lnTo>
                  <a:close/>
                </a:path>
              </a:pathLst>
            </a:custGeom>
            <a:solidFill>
              <a:srgbClr val="000000"/>
            </a:solidFill>
          </p:spPr>
          <p:txBody>
            <a:bodyPr wrap="square" lIns="0" tIns="0" rIns="0" bIns="0" rtlCol="0"/>
            <a:lstStyle/>
            <a:p>
              <a:endParaRPr sz="1154"/>
            </a:p>
          </p:txBody>
        </p:sp>
        <p:pic>
          <p:nvPicPr>
            <p:cNvPr id="86" name="object 86"/>
            <p:cNvPicPr/>
            <p:nvPr/>
          </p:nvPicPr>
          <p:blipFill>
            <a:blip r:embed="rId25" cstate="print"/>
            <a:stretch>
              <a:fillRect/>
            </a:stretch>
          </p:blipFill>
          <p:spPr>
            <a:xfrm>
              <a:off x="10375391" y="7181062"/>
              <a:ext cx="2528316" cy="260603"/>
            </a:xfrm>
            <a:prstGeom prst="rect">
              <a:avLst/>
            </a:prstGeom>
          </p:spPr>
        </p:pic>
        <p:pic>
          <p:nvPicPr>
            <p:cNvPr id="87" name="object 87"/>
            <p:cNvPicPr/>
            <p:nvPr/>
          </p:nvPicPr>
          <p:blipFill>
            <a:blip r:embed="rId26" cstate="print"/>
            <a:stretch>
              <a:fillRect/>
            </a:stretch>
          </p:blipFill>
          <p:spPr>
            <a:xfrm>
              <a:off x="9296400" y="7536154"/>
              <a:ext cx="4689348" cy="979932"/>
            </a:xfrm>
            <a:prstGeom prst="rect">
              <a:avLst/>
            </a:prstGeom>
          </p:spPr>
        </p:pic>
        <p:pic>
          <p:nvPicPr>
            <p:cNvPr id="88" name="object 88"/>
            <p:cNvPicPr/>
            <p:nvPr/>
          </p:nvPicPr>
          <p:blipFill>
            <a:blip r:embed="rId27" cstate="print"/>
            <a:stretch>
              <a:fillRect/>
            </a:stretch>
          </p:blipFill>
          <p:spPr>
            <a:xfrm>
              <a:off x="9392411" y="7972018"/>
              <a:ext cx="1449324" cy="477012"/>
            </a:xfrm>
            <a:prstGeom prst="rect">
              <a:avLst/>
            </a:prstGeom>
          </p:spPr>
        </p:pic>
        <p:pic>
          <p:nvPicPr>
            <p:cNvPr id="89" name="object 89"/>
            <p:cNvPicPr/>
            <p:nvPr/>
          </p:nvPicPr>
          <p:blipFill>
            <a:blip r:embed="rId28" cstate="print"/>
            <a:stretch>
              <a:fillRect/>
            </a:stretch>
          </p:blipFill>
          <p:spPr>
            <a:xfrm>
              <a:off x="10934700" y="7972018"/>
              <a:ext cx="1449324" cy="477012"/>
            </a:xfrm>
            <a:prstGeom prst="rect">
              <a:avLst/>
            </a:prstGeom>
          </p:spPr>
        </p:pic>
        <p:pic>
          <p:nvPicPr>
            <p:cNvPr id="90" name="object 90"/>
            <p:cNvPicPr/>
            <p:nvPr/>
          </p:nvPicPr>
          <p:blipFill>
            <a:blip r:embed="rId29" cstate="print"/>
            <a:stretch>
              <a:fillRect/>
            </a:stretch>
          </p:blipFill>
          <p:spPr>
            <a:xfrm>
              <a:off x="12449555" y="7972018"/>
              <a:ext cx="1449324" cy="477012"/>
            </a:xfrm>
            <a:prstGeom prst="rect">
              <a:avLst/>
            </a:prstGeom>
          </p:spPr>
        </p:pic>
      </p:grpSp>
      <p:graphicFrame>
        <p:nvGraphicFramePr>
          <p:cNvPr id="91" name="object 91"/>
          <p:cNvGraphicFramePr>
            <a:graphicFrameLocks noGrp="1"/>
          </p:cNvGraphicFramePr>
          <p:nvPr/>
        </p:nvGraphicFramePr>
        <p:xfrm>
          <a:off x="6264600" y="4041479"/>
          <a:ext cx="4327380" cy="2550479"/>
        </p:xfrm>
        <a:graphic>
          <a:graphicData uri="http://schemas.openxmlformats.org/drawingml/2006/table">
            <a:tbl>
              <a:tblPr firstRow="1" bandRow="1">
                <a:tableStyleId>{2D5ABB26-0587-4C30-8999-92F81FD0307C}</a:tableStyleId>
              </a:tblPr>
              <a:tblGrid>
                <a:gridCol w="95702">
                  <a:extLst>
                    <a:ext uri="{9D8B030D-6E8A-4147-A177-3AD203B41FA5}">
                      <a16:colId xmlns:a16="http://schemas.microsoft.com/office/drawing/2014/main" val="20000"/>
                    </a:ext>
                  </a:extLst>
                </a:gridCol>
                <a:gridCol w="652813">
                  <a:extLst>
                    <a:ext uri="{9D8B030D-6E8A-4147-A177-3AD203B41FA5}">
                      <a16:colId xmlns:a16="http://schemas.microsoft.com/office/drawing/2014/main" val="20001"/>
                    </a:ext>
                  </a:extLst>
                </a:gridCol>
                <a:gridCol w="1616354">
                  <a:extLst>
                    <a:ext uri="{9D8B030D-6E8A-4147-A177-3AD203B41FA5}">
                      <a16:colId xmlns:a16="http://schemas.microsoft.com/office/drawing/2014/main" val="20002"/>
                    </a:ext>
                  </a:extLst>
                </a:gridCol>
                <a:gridCol w="1962511">
                  <a:extLst>
                    <a:ext uri="{9D8B030D-6E8A-4147-A177-3AD203B41FA5}">
                      <a16:colId xmlns:a16="http://schemas.microsoft.com/office/drawing/2014/main" val="20003"/>
                    </a:ext>
                  </a:extLst>
                </a:gridCol>
              </a:tblGrid>
              <a:tr h="127060">
                <a:tc gridSpan="2">
                  <a:txBody>
                    <a:bodyPr/>
                    <a:lstStyle/>
                    <a:p>
                      <a:pPr>
                        <a:lnSpc>
                          <a:spcPct val="100000"/>
                        </a:lnSpc>
                      </a:pPr>
                      <a:endParaRPr sz="700">
                        <a:latin typeface="Times New Roman"/>
                        <a:cs typeface="Times New Roman"/>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92BDE4"/>
                    </a:solidFill>
                  </a:tcPr>
                </a:tc>
                <a:tc hMerge="1">
                  <a:txBody>
                    <a:bodyPr/>
                    <a:lstStyle/>
                    <a:p>
                      <a:endParaRPr/>
                    </a:p>
                  </a:txBody>
                  <a:tcPr marL="0" marR="0" marT="0" marB="0"/>
                </a:tc>
                <a:tc>
                  <a:txBody>
                    <a:bodyPr/>
                    <a:lstStyle/>
                    <a:p>
                      <a:pPr algn="ctr">
                        <a:lnSpc>
                          <a:spcPct val="100000"/>
                        </a:lnSpc>
                        <a:spcBef>
                          <a:spcPts val="135"/>
                        </a:spcBef>
                      </a:pPr>
                      <a:r>
                        <a:rPr sz="700" spc="-15" dirty="0">
                          <a:latin typeface="メイリオ"/>
                          <a:cs typeface="メイリオ"/>
                        </a:rPr>
                        <a:t>橋梁包括管理業務</a:t>
                      </a:r>
                      <a:endParaRPr sz="700">
                        <a:latin typeface="メイリオ"/>
                        <a:cs typeface="メイリオ"/>
                      </a:endParaRPr>
                    </a:p>
                  </a:txBody>
                  <a:tcPr marL="0" marR="0" marT="10996"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92BDE4"/>
                    </a:solidFill>
                  </a:tcPr>
                </a:tc>
                <a:tc>
                  <a:txBody>
                    <a:bodyPr/>
                    <a:lstStyle/>
                    <a:p>
                      <a:pPr algn="ctr">
                        <a:lnSpc>
                          <a:spcPct val="100000"/>
                        </a:lnSpc>
                        <a:spcBef>
                          <a:spcPts val="135"/>
                        </a:spcBef>
                      </a:pPr>
                      <a:r>
                        <a:rPr sz="700" spc="-15" dirty="0">
                          <a:latin typeface="メイリオ"/>
                          <a:cs typeface="メイリオ"/>
                        </a:rPr>
                        <a:t>⼤規模更新事業</a:t>
                      </a:r>
                      <a:endParaRPr sz="700">
                        <a:latin typeface="メイリオ"/>
                        <a:cs typeface="メイリオ"/>
                      </a:endParaRPr>
                    </a:p>
                  </a:txBody>
                  <a:tcPr marL="0" marR="0" marT="10996"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92BDE4"/>
                    </a:solidFill>
                  </a:tcPr>
                </a:tc>
                <a:extLst>
                  <a:ext uri="{0D108BD9-81ED-4DB2-BD59-A6C34878D82A}">
                    <a16:rowId xmlns:a16="http://schemas.microsoft.com/office/drawing/2014/main" val="10000"/>
                  </a:ext>
                </a:extLst>
              </a:tr>
              <a:tr h="370185">
                <a:tc gridSpan="2">
                  <a:txBody>
                    <a:bodyPr/>
                    <a:lstStyle/>
                    <a:p>
                      <a:pPr>
                        <a:lnSpc>
                          <a:spcPct val="100000"/>
                        </a:lnSpc>
                        <a:spcBef>
                          <a:spcPts val="10"/>
                        </a:spcBef>
                      </a:pPr>
                      <a:endParaRPr sz="900">
                        <a:latin typeface="Times New Roman"/>
                        <a:cs typeface="Times New Roman"/>
                      </a:endParaRPr>
                    </a:p>
                    <a:p>
                      <a:pPr marL="302895">
                        <a:lnSpc>
                          <a:spcPct val="100000"/>
                        </a:lnSpc>
                        <a:spcBef>
                          <a:spcPts val="5"/>
                        </a:spcBef>
                      </a:pPr>
                      <a:r>
                        <a:rPr sz="700" spc="-15" dirty="0">
                          <a:latin typeface="メイリオ"/>
                          <a:cs typeface="メイリオ"/>
                        </a:rPr>
                        <a:t>事業概要</a:t>
                      </a:r>
                      <a:endParaRPr sz="700">
                        <a:latin typeface="メイリオ"/>
                        <a:cs typeface="メイリオ"/>
                      </a:endParaRPr>
                    </a:p>
                  </a:txBody>
                  <a:tcPr marL="0" marR="0" marT="81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hMerge="1">
                  <a:txBody>
                    <a:bodyPr/>
                    <a:lstStyle/>
                    <a:p>
                      <a:endParaRPr/>
                    </a:p>
                  </a:txBody>
                  <a:tcPr marL="0" marR="0" marT="0" marB="0"/>
                </a:tc>
                <a:tc>
                  <a:txBody>
                    <a:bodyPr/>
                    <a:lstStyle/>
                    <a:p>
                      <a:pPr marL="67945">
                        <a:lnSpc>
                          <a:spcPct val="100000"/>
                        </a:lnSpc>
                        <a:spcBef>
                          <a:spcPts val="125"/>
                        </a:spcBef>
                      </a:pPr>
                      <a:r>
                        <a:rPr sz="700" b="1" spc="-20" dirty="0">
                          <a:solidFill>
                            <a:srgbClr val="16355C"/>
                          </a:solidFill>
                          <a:latin typeface="メイリオ"/>
                          <a:cs typeface="メイリオ"/>
                        </a:rPr>
                        <a:t>市中⼼部の橋梁約 </a:t>
                      </a:r>
                      <a:r>
                        <a:rPr sz="700" b="1" spc="-10" dirty="0">
                          <a:solidFill>
                            <a:srgbClr val="16355C"/>
                          </a:solidFill>
                          <a:latin typeface="メイリオ"/>
                          <a:cs typeface="メイリオ"/>
                        </a:rPr>
                        <a:t>600</a:t>
                      </a:r>
                      <a:r>
                        <a:rPr sz="700" b="1" spc="-75" dirty="0">
                          <a:solidFill>
                            <a:srgbClr val="16355C"/>
                          </a:solidFill>
                          <a:latin typeface="メイリオ"/>
                          <a:cs typeface="メイリオ"/>
                        </a:rPr>
                        <a:t> 橋</a:t>
                      </a:r>
                      <a:endParaRPr sz="700">
                        <a:latin typeface="メイリオ"/>
                        <a:cs typeface="メイリオ"/>
                      </a:endParaRPr>
                    </a:p>
                    <a:p>
                      <a:pPr marL="208279" marR="60960" indent="-140335">
                        <a:lnSpc>
                          <a:spcPct val="113599"/>
                        </a:lnSpc>
                      </a:pPr>
                      <a:r>
                        <a:rPr sz="700" spc="-5" dirty="0">
                          <a:latin typeface="メイリオ"/>
                          <a:cs typeface="メイリオ"/>
                        </a:rPr>
                        <a:t>→⽇常管理から点検・診断・計画・設</a:t>
                      </a:r>
                      <a:r>
                        <a:rPr sz="700" spc="-15" dirty="0">
                          <a:latin typeface="メイリオ"/>
                          <a:cs typeface="メイリオ"/>
                        </a:rPr>
                        <a:t>計・修繕・更新までを⼀括管理</a:t>
                      </a:r>
                      <a:endParaRPr sz="700">
                        <a:latin typeface="メイリオ"/>
                        <a:cs typeface="メイリオ"/>
                      </a:endParaRPr>
                    </a:p>
                  </a:txBody>
                  <a:tcPr marL="0" marR="0" marT="1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marL="66675">
                        <a:lnSpc>
                          <a:spcPct val="100000"/>
                        </a:lnSpc>
                        <a:spcBef>
                          <a:spcPts val="125"/>
                        </a:spcBef>
                      </a:pPr>
                      <a:r>
                        <a:rPr sz="700" b="1" spc="-5" dirty="0">
                          <a:solidFill>
                            <a:srgbClr val="16355C"/>
                          </a:solidFill>
                          <a:latin typeface="メイリオ"/>
                          <a:cs typeface="メイリオ"/>
                        </a:rPr>
                        <a:t>神通大橋</a:t>
                      </a:r>
                      <a:r>
                        <a:rPr sz="700" b="1" dirty="0">
                          <a:solidFill>
                            <a:srgbClr val="16355C"/>
                          </a:solidFill>
                          <a:latin typeface="メイリオ"/>
                          <a:cs typeface="メイリオ"/>
                        </a:rPr>
                        <a:t>（</a:t>
                      </a:r>
                      <a:r>
                        <a:rPr sz="700" b="1" spc="-5" dirty="0">
                          <a:solidFill>
                            <a:srgbClr val="16355C"/>
                          </a:solidFill>
                          <a:latin typeface="メイリオ"/>
                          <a:cs typeface="メイリオ"/>
                        </a:rPr>
                        <a:t>旧橋</a:t>
                      </a:r>
                      <a:r>
                        <a:rPr sz="700" b="1" spc="-50" dirty="0">
                          <a:solidFill>
                            <a:srgbClr val="16355C"/>
                          </a:solidFill>
                          <a:latin typeface="メイリオ"/>
                          <a:cs typeface="メイリオ"/>
                        </a:rPr>
                        <a:t>）</a:t>
                      </a:r>
                      <a:endParaRPr sz="700">
                        <a:latin typeface="メイリオ"/>
                        <a:cs typeface="メイリオ"/>
                      </a:endParaRPr>
                    </a:p>
                    <a:p>
                      <a:pPr marL="66675">
                        <a:lnSpc>
                          <a:spcPct val="100000"/>
                        </a:lnSpc>
                        <a:spcBef>
                          <a:spcPts val="180"/>
                        </a:spcBef>
                      </a:pPr>
                      <a:r>
                        <a:rPr sz="700" spc="-15" dirty="0">
                          <a:latin typeface="メイリオ"/>
                          <a:cs typeface="メイリオ"/>
                        </a:rPr>
                        <a:t>→⾰新的技術と⺠間資⾦活⽤による架替え</a:t>
                      </a:r>
                      <a:endParaRPr sz="700">
                        <a:latin typeface="メイリオ"/>
                        <a:cs typeface="メイリオ"/>
                      </a:endParaRPr>
                    </a:p>
                  </a:txBody>
                  <a:tcPr marL="0" marR="0" marT="1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1"/>
                  </a:ext>
                </a:extLst>
              </a:tr>
              <a:tr h="981052">
                <a:tc gridSpan="2">
                  <a:txBody>
                    <a:bodyPr/>
                    <a:lstStyle/>
                    <a:p>
                      <a:pPr>
                        <a:lnSpc>
                          <a:spcPct val="100000"/>
                        </a:lnSpc>
                      </a:pPr>
                      <a:endParaRPr sz="800">
                        <a:latin typeface="Times New Roman"/>
                        <a:cs typeface="Times New Roman"/>
                      </a:endParaRPr>
                    </a:p>
                    <a:p>
                      <a:pPr>
                        <a:lnSpc>
                          <a:spcPct val="100000"/>
                        </a:lnSpc>
                      </a:pPr>
                      <a:endParaRPr sz="800">
                        <a:latin typeface="Times New Roman"/>
                        <a:cs typeface="Times New Roman"/>
                      </a:endParaRPr>
                    </a:p>
                    <a:p>
                      <a:pPr>
                        <a:lnSpc>
                          <a:spcPct val="100000"/>
                        </a:lnSpc>
                      </a:pPr>
                      <a:endParaRPr sz="800">
                        <a:latin typeface="Times New Roman"/>
                        <a:cs typeface="Times New Roman"/>
                      </a:endParaRPr>
                    </a:p>
                    <a:p>
                      <a:pPr>
                        <a:lnSpc>
                          <a:spcPct val="100000"/>
                        </a:lnSpc>
                        <a:spcBef>
                          <a:spcPts val="20"/>
                        </a:spcBef>
                      </a:pPr>
                      <a:endParaRPr sz="700">
                        <a:latin typeface="Times New Roman"/>
                        <a:cs typeface="Times New Roman"/>
                      </a:endParaRPr>
                    </a:p>
                    <a:p>
                      <a:pPr marL="302895">
                        <a:lnSpc>
                          <a:spcPct val="100000"/>
                        </a:lnSpc>
                      </a:pPr>
                      <a:r>
                        <a:rPr sz="700" spc="-15" dirty="0">
                          <a:latin typeface="メイリオ"/>
                          <a:cs typeface="メイリオ"/>
                        </a:rPr>
                        <a:t>業務内容</a:t>
                      </a:r>
                      <a:endParaRPr sz="700">
                        <a:latin typeface="メイリオ"/>
                        <a:cs typeface="メイリオ"/>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hMerge="1">
                  <a:txBody>
                    <a:bodyPr/>
                    <a:lstStyle/>
                    <a:p>
                      <a:endParaRPr/>
                    </a:p>
                  </a:txBody>
                  <a:tcPr marL="0" marR="0" marT="0" marB="0"/>
                </a:tc>
                <a:tc gridSpan="2">
                  <a:txBody>
                    <a:bodyPr/>
                    <a:lstStyle/>
                    <a:p>
                      <a:pPr>
                        <a:lnSpc>
                          <a:spcPct val="100000"/>
                        </a:lnSpc>
                        <a:spcBef>
                          <a:spcPts val="15"/>
                        </a:spcBef>
                      </a:pPr>
                      <a:endParaRPr sz="600">
                        <a:latin typeface="Times New Roman"/>
                        <a:cs typeface="Times New Roman"/>
                      </a:endParaRPr>
                    </a:p>
                    <a:p>
                      <a:pPr marR="287655" algn="ctr">
                        <a:lnSpc>
                          <a:spcPct val="100000"/>
                        </a:lnSpc>
                      </a:pPr>
                      <a:r>
                        <a:rPr sz="700" spc="-15" dirty="0">
                          <a:latin typeface="メイリオ"/>
                          <a:cs typeface="メイリオ"/>
                        </a:rPr>
                        <a:t>統括管理業務</a:t>
                      </a:r>
                      <a:endParaRPr sz="700">
                        <a:latin typeface="メイリオ"/>
                        <a:cs typeface="メイリオ"/>
                      </a:endParaRPr>
                    </a:p>
                    <a:p>
                      <a:pPr>
                        <a:lnSpc>
                          <a:spcPct val="100000"/>
                        </a:lnSpc>
                        <a:spcBef>
                          <a:spcPts val="40"/>
                        </a:spcBef>
                      </a:pPr>
                      <a:endParaRPr sz="800">
                        <a:latin typeface="Times New Roman"/>
                        <a:cs typeface="Times New Roman"/>
                      </a:endParaRPr>
                    </a:p>
                    <a:p>
                      <a:pPr marR="285115" algn="ctr">
                        <a:lnSpc>
                          <a:spcPct val="100000"/>
                        </a:lnSpc>
                      </a:pPr>
                      <a:r>
                        <a:rPr sz="700" spc="-10" dirty="0">
                          <a:latin typeface="メイリオ"/>
                          <a:cs typeface="メイリオ"/>
                        </a:rPr>
                        <a:t>橋梁包括管理業務</a:t>
                      </a:r>
                      <a:r>
                        <a:rPr sz="700" dirty="0">
                          <a:latin typeface="メイリオ"/>
                          <a:cs typeface="メイリオ"/>
                        </a:rPr>
                        <a:t>（</a:t>
                      </a:r>
                      <a:r>
                        <a:rPr sz="700" spc="-10" dirty="0">
                          <a:latin typeface="メイリオ"/>
                          <a:cs typeface="メイリオ"/>
                        </a:rPr>
                        <a:t>⼩規模修繕業務含む</a:t>
                      </a:r>
                      <a:r>
                        <a:rPr sz="700" spc="-50" dirty="0">
                          <a:latin typeface="メイリオ"/>
                          <a:cs typeface="メイリオ"/>
                        </a:rPr>
                        <a:t>）</a:t>
                      </a:r>
                      <a:endParaRPr sz="700">
                        <a:latin typeface="メイリオ"/>
                        <a:cs typeface="メイリオ"/>
                      </a:endParaRPr>
                    </a:p>
                    <a:p>
                      <a:pPr>
                        <a:lnSpc>
                          <a:spcPct val="100000"/>
                        </a:lnSpc>
                      </a:pPr>
                      <a:endParaRPr sz="800">
                        <a:latin typeface="Times New Roman"/>
                        <a:cs typeface="Times New Roman"/>
                      </a:endParaRPr>
                    </a:p>
                    <a:p>
                      <a:pPr marL="519430" marR="876300" indent="109220">
                        <a:lnSpc>
                          <a:spcPct val="113599"/>
                        </a:lnSpc>
                        <a:spcBef>
                          <a:spcPts val="710"/>
                        </a:spcBef>
                        <a:tabLst>
                          <a:tab pos="2059939" algn="l"/>
                          <a:tab pos="2171065" algn="l"/>
                          <a:tab pos="3666490" algn="l"/>
                          <a:tab pos="3686175" algn="l"/>
                        </a:tabLst>
                      </a:pPr>
                      <a:r>
                        <a:rPr sz="700" dirty="0">
                          <a:latin typeface="メイリオ"/>
                          <a:cs typeface="メイリオ"/>
                        </a:rPr>
                        <a:t>⼩規模</a:t>
                      </a:r>
                      <a:r>
                        <a:rPr sz="700" spc="-10" dirty="0">
                          <a:latin typeface="メイリオ"/>
                          <a:cs typeface="メイリオ"/>
                        </a:rPr>
                        <a:t>修</a:t>
                      </a:r>
                      <a:r>
                        <a:rPr sz="700" dirty="0">
                          <a:latin typeface="メイリオ"/>
                          <a:cs typeface="メイリオ"/>
                        </a:rPr>
                        <a:t>繕業</a:t>
                      </a:r>
                      <a:r>
                        <a:rPr sz="700" spc="-50" dirty="0">
                          <a:latin typeface="メイリオ"/>
                          <a:cs typeface="メイリオ"/>
                        </a:rPr>
                        <a:t>務</a:t>
                      </a:r>
                      <a:r>
                        <a:rPr sz="700" dirty="0">
                          <a:latin typeface="メイリオ"/>
                          <a:cs typeface="メイリオ"/>
                        </a:rPr>
                        <a:t>		⼤規模</a:t>
                      </a:r>
                      <a:r>
                        <a:rPr sz="700" spc="-10" dirty="0">
                          <a:latin typeface="メイリオ"/>
                          <a:cs typeface="メイリオ"/>
                        </a:rPr>
                        <a:t>修</a:t>
                      </a:r>
                      <a:r>
                        <a:rPr sz="700" dirty="0">
                          <a:latin typeface="メイリオ"/>
                          <a:cs typeface="メイリオ"/>
                        </a:rPr>
                        <a:t>繕業</a:t>
                      </a:r>
                      <a:r>
                        <a:rPr sz="700" spc="-50" dirty="0">
                          <a:latin typeface="メイリオ"/>
                          <a:cs typeface="メイリオ"/>
                        </a:rPr>
                        <a:t>務</a:t>
                      </a:r>
                      <a:r>
                        <a:rPr sz="700" dirty="0">
                          <a:latin typeface="メイリオ"/>
                          <a:cs typeface="メイリオ"/>
                        </a:rPr>
                        <a:t>		⼤規模</a:t>
                      </a:r>
                      <a:r>
                        <a:rPr sz="700" spc="-10" dirty="0">
                          <a:latin typeface="メイリオ"/>
                          <a:cs typeface="メイリオ"/>
                        </a:rPr>
                        <a:t>更</a:t>
                      </a:r>
                      <a:r>
                        <a:rPr sz="700" dirty="0">
                          <a:latin typeface="メイリオ"/>
                          <a:cs typeface="メイリオ"/>
                        </a:rPr>
                        <a:t>新事</a:t>
                      </a:r>
                      <a:r>
                        <a:rPr sz="700" spc="-50" dirty="0">
                          <a:latin typeface="メイリオ"/>
                          <a:cs typeface="メイリオ"/>
                        </a:rPr>
                        <a:t>業 </a:t>
                      </a:r>
                      <a:r>
                        <a:rPr sz="700" spc="-40" dirty="0">
                          <a:latin typeface="メイリオ"/>
                          <a:cs typeface="メイリオ"/>
                        </a:rPr>
                        <a:t>3,000</a:t>
                      </a:r>
                      <a:r>
                        <a:rPr sz="700" spc="-180" dirty="0">
                          <a:latin typeface="メイリオ"/>
                          <a:cs typeface="メイリオ"/>
                        </a:rPr>
                        <a:t> </a:t>
                      </a:r>
                      <a:r>
                        <a:rPr sz="700" spc="-105" dirty="0">
                          <a:latin typeface="メイリオ"/>
                          <a:cs typeface="メイリオ"/>
                        </a:rPr>
                        <a:t>万</a:t>
                      </a:r>
                      <a:r>
                        <a:rPr sz="700" spc="-95" dirty="0">
                          <a:latin typeface="メイリオ"/>
                          <a:cs typeface="メイリオ"/>
                        </a:rPr>
                        <a:t>円</a:t>
                      </a:r>
                      <a:r>
                        <a:rPr sz="700" spc="-105" dirty="0">
                          <a:latin typeface="メイリオ"/>
                          <a:cs typeface="メイリオ"/>
                        </a:rPr>
                        <a:t>未</a:t>
                      </a:r>
                      <a:r>
                        <a:rPr sz="700" spc="-95" dirty="0">
                          <a:latin typeface="メイリオ"/>
                          <a:cs typeface="メイリオ"/>
                        </a:rPr>
                        <a:t>満</a:t>
                      </a:r>
                      <a:r>
                        <a:rPr sz="700" spc="-35" dirty="0">
                          <a:latin typeface="メイリオ"/>
                          <a:cs typeface="メイリオ"/>
                        </a:rPr>
                        <a:t>/1</a:t>
                      </a:r>
                      <a:r>
                        <a:rPr sz="700" spc="-175" dirty="0">
                          <a:latin typeface="メイリオ"/>
                          <a:cs typeface="メイリオ"/>
                        </a:rPr>
                        <a:t> </a:t>
                      </a:r>
                      <a:r>
                        <a:rPr sz="700" spc="-50" dirty="0">
                          <a:latin typeface="メイリオ"/>
                          <a:cs typeface="メイリオ"/>
                        </a:rPr>
                        <a:t>件</a:t>
                      </a:r>
                      <a:r>
                        <a:rPr sz="700" dirty="0">
                          <a:latin typeface="メイリオ"/>
                          <a:cs typeface="メイリオ"/>
                        </a:rPr>
                        <a:t>	</a:t>
                      </a:r>
                      <a:r>
                        <a:rPr sz="700" spc="-40" dirty="0">
                          <a:latin typeface="メイリオ"/>
                          <a:cs typeface="メイリオ"/>
                        </a:rPr>
                        <a:t>3,000</a:t>
                      </a:r>
                      <a:r>
                        <a:rPr sz="700" spc="-180" dirty="0">
                          <a:latin typeface="メイリオ"/>
                          <a:cs typeface="メイリオ"/>
                        </a:rPr>
                        <a:t> </a:t>
                      </a:r>
                      <a:r>
                        <a:rPr sz="700" spc="-105" dirty="0">
                          <a:latin typeface="メイリオ"/>
                          <a:cs typeface="メイリオ"/>
                        </a:rPr>
                        <a:t>万</a:t>
                      </a:r>
                      <a:r>
                        <a:rPr sz="700" spc="-95" dirty="0">
                          <a:latin typeface="メイリオ"/>
                          <a:cs typeface="メイリオ"/>
                        </a:rPr>
                        <a:t>円</a:t>
                      </a:r>
                      <a:r>
                        <a:rPr sz="700" spc="-105" dirty="0">
                          <a:latin typeface="メイリオ"/>
                          <a:cs typeface="メイリオ"/>
                        </a:rPr>
                        <a:t>以</a:t>
                      </a:r>
                      <a:r>
                        <a:rPr sz="700" spc="-95" dirty="0">
                          <a:latin typeface="メイリオ"/>
                          <a:cs typeface="メイリオ"/>
                        </a:rPr>
                        <a:t>上</a:t>
                      </a:r>
                      <a:r>
                        <a:rPr sz="700" spc="-35" dirty="0">
                          <a:latin typeface="メイリオ"/>
                          <a:cs typeface="メイリオ"/>
                        </a:rPr>
                        <a:t>/1</a:t>
                      </a:r>
                      <a:r>
                        <a:rPr sz="700" spc="-175" dirty="0">
                          <a:latin typeface="メイリオ"/>
                          <a:cs typeface="メイリオ"/>
                        </a:rPr>
                        <a:t> </a:t>
                      </a:r>
                      <a:r>
                        <a:rPr sz="700" spc="-50" dirty="0">
                          <a:latin typeface="メイリオ"/>
                          <a:cs typeface="メイリオ"/>
                        </a:rPr>
                        <a:t>件</a:t>
                      </a:r>
                      <a:r>
                        <a:rPr sz="700" dirty="0">
                          <a:latin typeface="メイリオ"/>
                          <a:cs typeface="メイリオ"/>
                        </a:rPr>
                        <a:t>	</a:t>
                      </a:r>
                      <a:r>
                        <a:rPr sz="700" spc="-95" dirty="0">
                          <a:latin typeface="メイリオ"/>
                          <a:cs typeface="メイリオ"/>
                        </a:rPr>
                        <a:t>神</a:t>
                      </a:r>
                      <a:r>
                        <a:rPr sz="700" spc="-105" dirty="0">
                          <a:latin typeface="メイリオ"/>
                          <a:cs typeface="メイリオ"/>
                        </a:rPr>
                        <a:t>通⼤</a:t>
                      </a:r>
                      <a:r>
                        <a:rPr sz="700" spc="-95" dirty="0">
                          <a:latin typeface="メイリオ"/>
                          <a:cs typeface="メイリオ"/>
                        </a:rPr>
                        <a:t>橋</a:t>
                      </a:r>
                      <a:r>
                        <a:rPr sz="700" spc="-105" dirty="0">
                          <a:latin typeface="メイリオ"/>
                          <a:cs typeface="メイリオ"/>
                        </a:rPr>
                        <a:t>（旧</a:t>
                      </a:r>
                      <a:r>
                        <a:rPr sz="700" spc="-95" dirty="0">
                          <a:latin typeface="メイリオ"/>
                          <a:cs typeface="メイリオ"/>
                        </a:rPr>
                        <a:t>橋</a:t>
                      </a:r>
                      <a:r>
                        <a:rPr sz="700" spc="-50" dirty="0">
                          <a:latin typeface="メイリオ"/>
                          <a:cs typeface="メイリオ"/>
                        </a:rPr>
                        <a:t>）</a:t>
                      </a:r>
                      <a:endParaRPr sz="700">
                        <a:latin typeface="メイリオ"/>
                        <a:cs typeface="メイリオ"/>
                      </a:endParaRPr>
                    </a:p>
                  </a:txBody>
                  <a:tcPr marL="0" marR="0" marT="1222"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2"/>
                  </a:ext>
                </a:extLst>
              </a:tr>
              <a:tr h="125839">
                <a:tc gridSpan="2">
                  <a:txBody>
                    <a:bodyPr/>
                    <a:lstStyle/>
                    <a:p>
                      <a:pPr marL="234315">
                        <a:lnSpc>
                          <a:spcPct val="100000"/>
                        </a:lnSpc>
                        <a:spcBef>
                          <a:spcPts val="125"/>
                        </a:spcBef>
                      </a:pPr>
                      <a:r>
                        <a:rPr sz="700" spc="-15" dirty="0">
                          <a:latin typeface="メイリオ"/>
                          <a:cs typeface="メイリオ"/>
                        </a:rPr>
                        <a:t>取組の効果</a:t>
                      </a:r>
                      <a:endParaRPr sz="700">
                        <a:latin typeface="メイリオ"/>
                        <a:cs typeface="メイリオ"/>
                      </a:endParaRPr>
                    </a:p>
                  </a:txBody>
                  <a:tcPr marL="0" marR="0" marT="10181" marB="0">
                    <a:lnL w="6350">
                      <a:solidFill>
                        <a:srgbClr val="000000"/>
                      </a:solidFill>
                      <a:prstDash val="solid"/>
                    </a:lnL>
                    <a:lnR w="6350">
                      <a:solidFill>
                        <a:srgbClr val="000000"/>
                      </a:solidFill>
                      <a:prstDash val="solid"/>
                    </a:lnR>
                    <a:lnT w="6350">
                      <a:solidFill>
                        <a:srgbClr val="000000"/>
                      </a:solidFill>
                      <a:prstDash val="solid"/>
                    </a:lnT>
                  </a:tcPr>
                </a:tc>
                <a:tc hMerge="1">
                  <a:txBody>
                    <a:bodyPr/>
                    <a:lstStyle/>
                    <a:p>
                      <a:endParaRPr/>
                    </a:p>
                  </a:txBody>
                  <a:tcPr marL="0" marR="0" marT="0" marB="0"/>
                </a:tc>
                <a:tc gridSpan="2">
                  <a:txBody>
                    <a:bodyPr/>
                    <a:lstStyle/>
                    <a:p>
                      <a:pPr>
                        <a:lnSpc>
                          <a:spcPct val="100000"/>
                        </a:lnSpc>
                      </a:pPr>
                      <a:endParaRPr sz="700">
                        <a:latin typeface="Times New Roman"/>
                        <a:cs typeface="Times New Roman"/>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3"/>
                  </a:ext>
                </a:extLst>
              </a:tr>
              <a:tr h="125839">
                <a:tc rowSpan="3">
                  <a:txBody>
                    <a:bodyPr/>
                    <a:lstStyle/>
                    <a:p>
                      <a:pPr>
                        <a:lnSpc>
                          <a:spcPct val="100000"/>
                        </a:lnSpc>
                      </a:pPr>
                      <a:endParaRPr sz="700">
                        <a:latin typeface="Times New Roman"/>
                        <a:cs typeface="Times New Roman"/>
                      </a:endParaRPr>
                    </a:p>
                  </a:txBody>
                  <a:tcPr marL="0" marR="0" marT="0" marB="0">
                    <a:lnL w="6350">
                      <a:solidFill>
                        <a:srgbClr val="000000"/>
                      </a:solidFill>
                      <a:prstDash val="solid"/>
                    </a:lnL>
                    <a:lnR w="6350">
                      <a:solidFill>
                        <a:srgbClr val="000000"/>
                      </a:solidFill>
                      <a:prstDash val="solid"/>
                    </a:lnR>
                    <a:lnB w="6350">
                      <a:solidFill>
                        <a:srgbClr val="000000"/>
                      </a:solidFill>
                      <a:prstDash val="solid"/>
                    </a:lnB>
                  </a:tcPr>
                </a:tc>
                <a:tc>
                  <a:txBody>
                    <a:bodyPr/>
                    <a:lstStyle/>
                    <a:p>
                      <a:pPr marL="5715" algn="ctr">
                        <a:lnSpc>
                          <a:spcPct val="100000"/>
                        </a:lnSpc>
                        <a:spcBef>
                          <a:spcPts val="125"/>
                        </a:spcBef>
                      </a:pPr>
                      <a:r>
                        <a:rPr sz="700" spc="-25" dirty="0">
                          <a:latin typeface="メイリオ"/>
                          <a:cs typeface="メイリオ"/>
                        </a:rPr>
                        <a:t>VFM</a:t>
                      </a:r>
                      <a:endParaRPr sz="700">
                        <a:latin typeface="メイリオ"/>
                        <a:cs typeface="メイリオ"/>
                      </a:endParaRPr>
                    </a:p>
                  </a:txBody>
                  <a:tcPr marL="0" marR="0" marT="1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DEAF6"/>
                    </a:solidFill>
                  </a:tcPr>
                </a:tc>
                <a:tc gridSpan="2">
                  <a:txBody>
                    <a:bodyPr/>
                    <a:lstStyle/>
                    <a:p>
                      <a:pPr marL="11430" algn="ctr">
                        <a:lnSpc>
                          <a:spcPct val="100000"/>
                        </a:lnSpc>
                        <a:spcBef>
                          <a:spcPts val="125"/>
                        </a:spcBef>
                      </a:pPr>
                      <a:r>
                        <a:rPr sz="700" spc="-105" dirty="0">
                          <a:latin typeface="メイリオ"/>
                          <a:cs typeface="メイリオ"/>
                        </a:rPr>
                        <a:t>【現在価値】</a:t>
                      </a:r>
                      <a:r>
                        <a:rPr sz="700" b="1" spc="-40" dirty="0">
                          <a:solidFill>
                            <a:srgbClr val="16355C"/>
                          </a:solidFill>
                          <a:latin typeface="メイリオ"/>
                          <a:cs typeface="メイリオ"/>
                        </a:rPr>
                        <a:t>VFM︓3.4</a:t>
                      </a:r>
                      <a:r>
                        <a:rPr sz="700" b="1" spc="-35" dirty="0">
                          <a:solidFill>
                            <a:srgbClr val="16355C"/>
                          </a:solidFill>
                          <a:latin typeface="メイリオ"/>
                          <a:cs typeface="メイリオ"/>
                        </a:rPr>
                        <a:t>% </a:t>
                      </a:r>
                      <a:r>
                        <a:rPr sz="700" spc="-105" dirty="0">
                          <a:latin typeface="メイリオ"/>
                          <a:cs typeface="メイリオ"/>
                        </a:rPr>
                        <a:t>【名目値】</a:t>
                      </a:r>
                      <a:r>
                        <a:rPr sz="700" b="1" spc="-10" dirty="0">
                          <a:solidFill>
                            <a:srgbClr val="16355C"/>
                          </a:solidFill>
                          <a:latin typeface="メイリオ"/>
                          <a:cs typeface="メイリオ"/>
                        </a:rPr>
                        <a:t>VFM︓5.6％</a:t>
                      </a:r>
                      <a:endParaRPr sz="700">
                        <a:latin typeface="メイリオ"/>
                        <a:cs typeface="メイリオ"/>
                      </a:endParaRPr>
                    </a:p>
                  </a:txBody>
                  <a:tcPr marL="0" marR="0" marT="1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DEAF6"/>
                    </a:solidFill>
                  </a:tcPr>
                </a:tc>
                <a:tc hMerge="1">
                  <a:txBody>
                    <a:bodyPr/>
                    <a:lstStyle/>
                    <a:p>
                      <a:endParaRPr/>
                    </a:p>
                  </a:txBody>
                  <a:tcPr marL="0" marR="0" marT="0" marB="0"/>
                </a:tc>
                <a:extLst>
                  <a:ext uri="{0D108BD9-81ED-4DB2-BD59-A6C34878D82A}">
                    <a16:rowId xmlns:a16="http://schemas.microsoft.com/office/drawing/2014/main" val="10004"/>
                  </a:ext>
                </a:extLst>
              </a:tr>
              <a:tr h="125839">
                <a:tc vMerge="1">
                  <a:txBody>
                    <a:bodyPr/>
                    <a:lstStyle/>
                    <a:p>
                      <a:endParaRPr/>
                    </a:p>
                  </a:txBody>
                  <a:tcPr marL="0" marR="0" marT="0" marB="0">
                    <a:lnL w="6350">
                      <a:solidFill>
                        <a:srgbClr val="000000"/>
                      </a:solidFill>
                      <a:prstDash val="solid"/>
                    </a:lnL>
                    <a:lnR w="6350">
                      <a:solidFill>
                        <a:srgbClr val="000000"/>
                      </a:solidFill>
                      <a:prstDash val="solid"/>
                    </a:lnR>
                    <a:lnB w="6350">
                      <a:solidFill>
                        <a:srgbClr val="000000"/>
                      </a:solidFill>
                      <a:prstDash val="solid"/>
                    </a:lnB>
                  </a:tcPr>
                </a:tc>
                <a:tc>
                  <a:txBody>
                    <a:bodyPr/>
                    <a:lstStyle/>
                    <a:p>
                      <a:pPr marL="11430" algn="ctr">
                        <a:lnSpc>
                          <a:spcPct val="100000"/>
                        </a:lnSpc>
                        <a:spcBef>
                          <a:spcPts val="120"/>
                        </a:spcBef>
                      </a:pPr>
                      <a:r>
                        <a:rPr sz="700" spc="-95" dirty="0">
                          <a:latin typeface="メイリオ"/>
                          <a:cs typeface="メイリオ"/>
                        </a:rPr>
                        <a:t>縮減効果</a:t>
                      </a:r>
                      <a:endParaRPr sz="700">
                        <a:latin typeface="メイリオ"/>
                        <a:cs typeface="メイリオ"/>
                      </a:endParaRPr>
                    </a:p>
                  </a:txBody>
                  <a:tcPr marL="0" marR="0" marT="977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DEAF6"/>
                    </a:solidFill>
                  </a:tcPr>
                </a:tc>
                <a:tc>
                  <a:txBody>
                    <a:bodyPr/>
                    <a:lstStyle/>
                    <a:p>
                      <a:pPr marL="6985" algn="ctr">
                        <a:lnSpc>
                          <a:spcPct val="100000"/>
                        </a:lnSpc>
                        <a:spcBef>
                          <a:spcPts val="120"/>
                        </a:spcBef>
                      </a:pPr>
                      <a:r>
                        <a:rPr sz="700" spc="-90" dirty="0">
                          <a:latin typeface="メイリオ"/>
                          <a:cs typeface="メイリオ"/>
                        </a:rPr>
                        <a:t>約 </a:t>
                      </a:r>
                      <a:r>
                        <a:rPr sz="700" spc="-30" dirty="0">
                          <a:latin typeface="メイリオ"/>
                          <a:cs typeface="メイリオ"/>
                        </a:rPr>
                        <a:t>5</a:t>
                      </a:r>
                      <a:r>
                        <a:rPr sz="700" spc="-50" dirty="0">
                          <a:latin typeface="メイリオ"/>
                          <a:cs typeface="メイリオ"/>
                        </a:rPr>
                        <a:t>%縮減</a:t>
                      </a:r>
                      <a:endParaRPr sz="700">
                        <a:latin typeface="メイリオ"/>
                        <a:cs typeface="メイリオ"/>
                      </a:endParaRPr>
                    </a:p>
                  </a:txBody>
                  <a:tcPr marL="0" marR="0" marT="977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DEAF6"/>
                    </a:solidFill>
                  </a:tcPr>
                </a:tc>
                <a:tc>
                  <a:txBody>
                    <a:bodyPr/>
                    <a:lstStyle/>
                    <a:p>
                      <a:pPr marL="8255" algn="ctr">
                        <a:lnSpc>
                          <a:spcPct val="100000"/>
                        </a:lnSpc>
                        <a:spcBef>
                          <a:spcPts val="120"/>
                        </a:spcBef>
                      </a:pPr>
                      <a:r>
                        <a:rPr sz="700" spc="160" dirty="0">
                          <a:latin typeface="メイリオ"/>
                          <a:cs typeface="メイリオ"/>
                        </a:rPr>
                        <a:t>約</a:t>
                      </a:r>
                      <a:r>
                        <a:rPr sz="700" spc="-60" dirty="0">
                          <a:latin typeface="メイリオ"/>
                          <a:cs typeface="メイリオ"/>
                        </a:rPr>
                        <a:t>24</a:t>
                      </a:r>
                      <a:r>
                        <a:rPr sz="700" spc="-75" dirty="0">
                          <a:latin typeface="メイリオ"/>
                          <a:cs typeface="メイリオ"/>
                        </a:rPr>
                        <a:t>%縮減</a:t>
                      </a:r>
                      <a:endParaRPr sz="700">
                        <a:latin typeface="メイリオ"/>
                        <a:cs typeface="メイリオ"/>
                      </a:endParaRPr>
                    </a:p>
                  </a:txBody>
                  <a:tcPr marL="0" marR="0" marT="977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DEAF6"/>
                    </a:solidFill>
                  </a:tcPr>
                </a:tc>
                <a:extLst>
                  <a:ext uri="{0D108BD9-81ED-4DB2-BD59-A6C34878D82A}">
                    <a16:rowId xmlns:a16="http://schemas.microsoft.com/office/drawing/2014/main" val="10005"/>
                  </a:ext>
                </a:extLst>
              </a:tr>
              <a:tr h="249234">
                <a:tc vMerge="1">
                  <a:txBody>
                    <a:bodyPr/>
                    <a:lstStyle/>
                    <a:p>
                      <a:endParaRPr/>
                    </a:p>
                  </a:txBody>
                  <a:tcPr marL="0" marR="0" marT="0" marB="0">
                    <a:lnL w="6350">
                      <a:solidFill>
                        <a:srgbClr val="000000"/>
                      </a:solidFill>
                      <a:prstDash val="solid"/>
                    </a:lnL>
                    <a:lnR w="6350">
                      <a:solidFill>
                        <a:srgbClr val="000000"/>
                      </a:solidFill>
                      <a:prstDash val="solid"/>
                    </a:lnR>
                    <a:lnB w="6350">
                      <a:solidFill>
                        <a:srgbClr val="000000"/>
                      </a:solidFill>
                      <a:prstDash val="solid"/>
                    </a:lnB>
                  </a:tcPr>
                </a:tc>
                <a:tc>
                  <a:txBody>
                    <a:bodyPr/>
                    <a:lstStyle/>
                    <a:p>
                      <a:pPr marL="12700" algn="ctr">
                        <a:lnSpc>
                          <a:spcPct val="100000"/>
                        </a:lnSpc>
                        <a:spcBef>
                          <a:spcPts val="880"/>
                        </a:spcBef>
                      </a:pPr>
                      <a:r>
                        <a:rPr sz="700" spc="-100" dirty="0">
                          <a:latin typeface="メイリオ"/>
                          <a:cs typeface="メイリオ"/>
                        </a:rPr>
                        <a:t>その他の効果</a:t>
                      </a:r>
                      <a:endParaRPr sz="700">
                        <a:latin typeface="メイリオ"/>
                        <a:cs typeface="メイリオ"/>
                      </a:endParaRPr>
                    </a:p>
                  </a:txBody>
                  <a:tcPr marL="0" marR="0" marT="71675"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DEAF6"/>
                    </a:solidFill>
                  </a:tcPr>
                </a:tc>
                <a:tc>
                  <a:txBody>
                    <a:bodyPr/>
                    <a:lstStyle/>
                    <a:p>
                      <a:pPr marL="598805" marR="452755" indent="-131445">
                        <a:lnSpc>
                          <a:spcPts val="1500"/>
                        </a:lnSpc>
                      </a:pPr>
                      <a:r>
                        <a:rPr sz="700" spc="-70" dirty="0">
                          <a:latin typeface="メイリオ"/>
                          <a:cs typeface="メイリオ"/>
                        </a:rPr>
                        <a:t>⾏政コスト・作業の最⼩化管理の効率化・⾼度化</a:t>
                      </a:r>
                      <a:endParaRPr sz="700">
                        <a:latin typeface="メイリオ"/>
                        <a:cs typeface="メイリオ"/>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DEAF6"/>
                    </a:solidFill>
                  </a:tcPr>
                </a:tc>
                <a:tc>
                  <a:txBody>
                    <a:bodyPr/>
                    <a:lstStyle/>
                    <a:p>
                      <a:pPr marL="2540" algn="ctr">
                        <a:lnSpc>
                          <a:spcPct val="100000"/>
                        </a:lnSpc>
                        <a:spcBef>
                          <a:spcPts val="135"/>
                        </a:spcBef>
                      </a:pPr>
                      <a:r>
                        <a:rPr sz="700" spc="-70" dirty="0">
                          <a:latin typeface="メイリオ"/>
                          <a:cs typeface="メイリオ"/>
                        </a:rPr>
                        <a:t>市⺠影響</a:t>
                      </a:r>
                      <a:r>
                        <a:rPr sz="700" spc="-60" dirty="0">
                          <a:latin typeface="メイリオ"/>
                          <a:cs typeface="メイリオ"/>
                        </a:rPr>
                        <a:t>（</a:t>
                      </a:r>
                      <a:r>
                        <a:rPr sz="700" spc="-65" dirty="0">
                          <a:latin typeface="メイリオ"/>
                          <a:cs typeface="メイリオ"/>
                        </a:rPr>
                        <a:t>対⾯通⾏</a:t>
                      </a:r>
                      <a:r>
                        <a:rPr sz="700" spc="-70" dirty="0">
                          <a:latin typeface="メイリオ"/>
                          <a:cs typeface="メイリオ"/>
                        </a:rPr>
                        <a:t>）</a:t>
                      </a:r>
                      <a:r>
                        <a:rPr sz="700" spc="-65" dirty="0">
                          <a:latin typeface="メイリオ"/>
                          <a:cs typeface="メイリオ"/>
                        </a:rPr>
                        <a:t>の最⼩化</a:t>
                      </a:r>
                      <a:endParaRPr sz="700">
                        <a:latin typeface="メイリオ"/>
                        <a:cs typeface="メイリオ"/>
                      </a:endParaRPr>
                    </a:p>
                    <a:p>
                      <a:pPr marL="3810" algn="ctr">
                        <a:lnSpc>
                          <a:spcPct val="100000"/>
                        </a:lnSpc>
                        <a:spcBef>
                          <a:spcPts val="180"/>
                        </a:spcBef>
                      </a:pPr>
                      <a:r>
                        <a:rPr sz="700" spc="-45" dirty="0">
                          <a:latin typeface="メイリオ"/>
                          <a:cs typeface="メイリオ"/>
                        </a:rPr>
                        <a:t>工期短縮  早期事業化  ⾏政負担平準化</a:t>
                      </a:r>
                      <a:endParaRPr sz="700">
                        <a:latin typeface="メイリオ"/>
                        <a:cs typeface="メイリオ"/>
                      </a:endParaRPr>
                    </a:p>
                  </a:txBody>
                  <a:tcPr marL="0" marR="0" marT="10996"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DEAF6"/>
                    </a:solidFill>
                  </a:tcPr>
                </a:tc>
                <a:extLst>
                  <a:ext uri="{0D108BD9-81ED-4DB2-BD59-A6C34878D82A}">
                    <a16:rowId xmlns:a16="http://schemas.microsoft.com/office/drawing/2014/main" val="10006"/>
                  </a:ext>
                </a:extLst>
              </a:tr>
            </a:tbl>
          </a:graphicData>
        </a:graphic>
      </p:graphicFrame>
      <p:sp>
        <p:nvSpPr>
          <p:cNvPr id="92" name="object 92"/>
          <p:cNvSpPr/>
          <p:nvPr/>
        </p:nvSpPr>
        <p:spPr>
          <a:xfrm>
            <a:off x="7733612" y="4990523"/>
            <a:ext cx="1979209" cy="118508"/>
          </a:xfrm>
          <a:custGeom>
            <a:avLst/>
            <a:gdLst/>
            <a:ahLst/>
            <a:cxnLst/>
            <a:rect l="l" t="t" r="r" b="b"/>
            <a:pathLst>
              <a:path w="3086100" h="184784">
                <a:moveTo>
                  <a:pt x="3063240" y="0"/>
                </a:moveTo>
                <a:lnTo>
                  <a:pt x="3048" y="0"/>
                </a:lnTo>
                <a:lnTo>
                  <a:pt x="3048" y="4572"/>
                </a:lnTo>
                <a:lnTo>
                  <a:pt x="0" y="4572"/>
                </a:lnTo>
                <a:lnTo>
                  <a:pt x="0" y="184404"/>
                </a:lnTo>
                <a:lnTo>
                  <a:pt x="18288" y="184404"/>
                </a:lnTo>
                <a:lnTo>
                  <a:pt x="18288" y="19812"/>
                </a:lnTo>
                <a:lnTo>
                  <a:pt x="1533144" y="19812"/>
                </a:lnTo>
                <a:lnTo>
                  <a:pt x="1533144" y="184404"/>
                </a:lnTo>
                <a:lnTo>
                  <a:pt x="1552943" y="184404"/>
                </a:lnTo>
                <a:lnTo>
                  <a:pt x="1552943" y="19812"/>
                </a:lnTo>
                <a:lnTo>
                  <a:pt x="3063240" y="19812"/>
                </a:lnTo>
                <a:lnTo>
                  <a:pt x="3063240" y="0"/>
                </a:lnTo>
                <a:close/>
              </a:path>
              <a:path w="3086100" h="184784">
                <a:moveTo>
                  <a:pt x="3086100" y="4572"/>
                </a:moveTo>
                <a:lnTo>
                  <a:pt x="3066288" y="4572"/>
                </a:lnTo>
                <a:lnTo>
                  <a:pt x="3066288" y="184404"/>
                </a:lnTo>
                <a:lnTo>
                  <a:pt x="3086100" y="184404"/>
                </a:lnTo>
                <a:lnTo>
                  <a:pt x="3086100" y="4572"/>
                </a:lnTo>
                <a:close/>
              </a:path>
            </a:pathLst>
          </a:custGeom>
          <a:solidFill>
            <a:srgbClr val="000000"/>
          </a:solidFill>
        </p:spPr>
        <p:txBody>
          <a:bodyPr wrap="square" lIns="0" tIns="0" rIns="0" bIns="0" rtlCol="0"/>
          <a:lstStyle/>
          <a:p>
            <a:endParaRPr sz="1154"/>
          </a:p>
        </p:txBody>
      </p:sp>
      <p:pic>
        <p:nvPicPr>
          <p:cNvPr id="93" name="object 93"/>
          <p:cNvPicPr/>
          <p:nvPr/>
        </p:nvPicPr>
        <p:blipFill>
          <a:blip r:embed="rId30" cstate="print"/>
          <a:stretch>
            <a:fillRect/>
          </a:stretch>
        </p:blipFill>
        <p:spPr>
          <a:xfrm>
            <a:off x="7886085" y="2592992"/>
            <a:ext cx="2724955" cy="1267671"/>
          </a:xfrm>
          <a:prstGeom prst="rect">
            <a:avLst/>
          </a:prstGeom>
        </p:spPr>
      </p:pic>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530787" y="425289"/>
            <a:ext cx="1427393" cy="380479"/>
          </a:xfrm>
          <a:prstGeom prst="rect">
            <a:avLst/>
          </a:prstGeom>
        </p:spPr>
        <p:txBody>
          <a:bodyPr vert="horz" wrap="square" lIns="0" tIns="68824" rIns="0" bIns="0" rtlCol="0">
            <a:spAutoFit/>
          </a:bodyPr>
          <a:lstStyle/>
          <a:p>
            <a:pPr marL="8145">
              <a:spcBef>
                <a:spcPts val="541"/>
              </a:spcBef>
              <a:tabLst>
                <a:tab pos="219087" algn="l"/>
              </a:tabLst>
            </a:pPr>
            <a:r>
              <a:rPr sz="802" b="1" u="sng" spc="-32" dirty="0">
                <a:uFill>
                  <a:solidFill>
                    <a:srgbClr val="000000"/>
                  </a:solidFill>
                </a:uFill>
                <a:latin typeface="Yu Gothic UI"/>
                <a:cs typeface="Yu Gothic UI"/>
              </a:rPr>
              <a:t>４</a:t>
            </a:r>
            <a:r>
              <a:rPr sz="802" b="1" u="sng" dirty="0">
                <a:uFill>
                  <a:solidFill>
                    <a:srgbClr val="000000"/>
                  </a:solidFill>
                </a:uFill>
                <a:latin typeface="Yu Gothic UI"/>
                <a:cs typeface="Yu Gothic UI"/>
              </a:rPr>
              <a:t>	</a:t>
            </a:r>
            <a:r>
              <a:rPr sz="802" b="1" u="sng" spc="-3" dirty="0">
                <a:uFill>
                  <a:solidFill>
                    <a:srgbClr val="000000"/>
                  </a:solidFill>
                </a:uFill>
                <a:latin typeface="Yu Gothic UI"/>
                <a:cs typeface="Yu Gothic UI"/>
              </a:rPr>
              <a:t>審査結果</a:t>
            </a:r>
            <a:endParaRPr sz="802">
              <a:latin typeface="Yu Gothic UI"/>
              <a:cs typeface="Yu Gothic UI"/>
            </a:endParaRPr>
          </a:p>
          <a:p>
            <a:pPr marL="8145">
              <a:spcBef>
                <a:spcPts val="487"/>
              </a:spcBef>
            </a:pPr>
            <a:r>
              <a:rPr sz="802" b="1" dirty="0">
                <a:latin typeface="Yu Gothic UI"/>
                <a:cs typeface="Yu Gothic UI"/>
              </a:rPr>
              <a:t>（１）審査項目毎の検証・評価</a:t>
            </a:r>
            <a:endParaRPr sz="802">
              <a:latin typeface="Yu Gothic UI"/>
              <a:cs typeface="Yu Gothic UI"/>
            </a:endParaRPr>
          </a:p>
        </p:txBody>
      </p:sp>
      <p:graphicFrame>
        <p:nvGraphicFramePr>
          <p:cNvPr id="3" name="object 3"/>
          <p:cNvGraphicFramePr>
            <a:graphicFrameLocks noGrp="1"/>
          </p:cNvGraphicFramePr>
          <p:nvPr/>
        </p:nvGraphicFramePr>
        <p:xfrm>
          <a:off x="1536977" y="828808"/>
          <a:ext cx="4445889" cy="7149782"/>
        </p:xfrm>
        <a:graphic>
          <a:graphicData uri="http://schemas.openxmlformats.org/drawingml/2006/table">
            <a:tbl>
              <a:tblPr firstRow="1" bandRow="1">
                <a:tableStyleId>{2D5ABB26-0587-4C30-8999-92F81FD0307C}</a:tableStyleId>
              </a:tblPr>
              <a:tblGrid>
                <a:gridCol w="715529">
                  <a:extLst>
                    <a:ext uri="{9D8B030D-6E8A-4147-A177-3AD203B41FA5}">
                      <a16:colId xmlns:a16="http://schemas.microsoft.com/office/drawing/2014/main" val="20000"/>
                    </a:ext>
                  </a:extLst>
                </a:gridCol>
                <a:gridCol w="3441624">
                  <a:extLst>
                    <a:ext uri="{9D8B030D-6E8A-4147-A177-3AD203B41FA5}">
                      <a16:colId xmlns:a16="http://schemas.microsoft.com/office/drawing/2014/main" val="20001"/>
                    </a:ext>
                  </a:extLst>
                </a:gridCol>
                <a:gridCol w="288736">
                  <a:extLst>
                    <a:ext uri="{9D8B030D-6E8A-4147-A177-3AD203B41FA5}">
                      <a16:colId xmlns:a16="http://schemas.microsoft.com/office/drawing/2014/main" val="20002"/>
                    </a:ext>
                  </a:extLst>
                </a:gridCol>
              </a:tblGrid>
              <a:tr h="189369">
                <a:tc>
                  <a:txBody>
                    <a:bodyPr/>
                    <a:lstStyle/>
                    <a:p>
                      <a:pPr marL="226695">
                        <a:lnSpc>
                          <a:spcPct val="100000"/>
                        </a:lnSpc>
                        <a:spcBef>
                          <a:spcPts val="405"/>
                        </a:spcBef>
                      </a:pPr>
                      <a:r>
                        <a:rPr sz="800" spc="55" dirty="0">
                          <a:latin typeface="メイリオ"/>
                          <a:cs typeface="メイリオ"/>
                        </a:rPr>
                        <a:t>審査項目</a:t>
                      </a:r>
                      <a:endParaRPr sz="800">
                        <a:latin typeface="メイリオ"/>
                        <a:cs typeface="メイリオ"/>
                      </a:endParaRPr>
                    </a:p>
                  </a:txBody>
                  <a:tcPr marL="0" marR="0" marT="3298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8CB2E1"/>
                    </a:solidFill>
                  </a:tcPr>
                </a:tc>
                <a:tc gridSpan="2">
                  <a:txBody>
                    <a:bodyPr/>
                    <a:lstStyle/>
                    <a:p>
                      <a:pPr marR="4445" algn="ctr">
                        <a:lnSpc>
                          <a:spcPct val="100000"/>
                        </a:lnSpc>
                        <a:spcBef>
                          <a:spcPts val="405"/>
                        </a:spcBef>
                      </a:pPr>
                      <a:r>
                        <a:rPr sz="800" spc="60" dirty="0">
                          <a:latin typeface="メイリオ"/>
                          <a:cs typeface="メイリオ"/>
                        </a:rPr>
                        <a:t>評価の視点/評価結果</a:t>
                      </a:r>
                      <a:endParaRPr sz="800">
                        <a:latin typeface="メイリオ"/>
                        <a:cs typeface="メイリオ"/>
                      </a:endParaRPr>
                    </a:p>
                  </a:txBody>
                  <a:tcPr marL="0" marR="0" marT="3298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8CB2E1"/>
                    </a:solidFill>
                  </a:tcPr>
                </a:tc>
                <a:tc hMerge="1">
                  <a:txBody>
                    <a:bodyPr/>
                    <a:lstStyle/>
                    <a:p>
                      <a:endParaRPr/>
                    </a:p>
                  </a:txBody>
                  <a:tcPr marL="0" marR="0" marT="0" marB="0"/>
                </a:tc>
                <a:extLst>
                  <a:ext uri="{0D108BD9-81ED-4DB2-BD59-A6C34878D82A}">
                    <a16:rowId xmlns:a16="http://schemas.microsoft.com/office/drawing/2014/main" val="10000"/>
                  </a:ext>
                </a:extLst>
              </a:tr>
              <a:tr h="1365084">
                <a:tc>
                  <a:txBody>
                    <a:bodyPr/>
                    <a:lstStyle/>
                    <a:p>
                      <a:pPr marL="220979" marR="74295" indent="-152400" algn="just">
                        <a:lnSpc>
                          <a:spcPct val="118100"/>
                        </a:lnSpc>
                        <a:spcBef>
                          <a:spcPts val="480"/>
                        </a:spcBef>
                      </a:pPr>
                      <a:r>
                        <a:rPr sz="800" b="1" dirty="0">
                          <a:latin typeface="メイリオ"/>
                          <a:cs typeface="メイリオ"/>
                        </a:rPr>
                        <a:t>①</a:t>
                      </a:r>
                      <a:r>
                        <a:rPr sz="800" spc="65" dirty="0">
                          <a:latin typeface="メイリオ"/>
                          <a:cs typeface="メイリオ"/>
                        </a:rPr>
                        <a:t>当該提案に係る公共施設等の整備等の必要性</a:t>
                      </a:r>
                      <a:endParaRPr sz="800">
                        <a:latin typeface="メイリオ"/>
                        <a:cs typeface="メイリオ"/>
                      </a:endParaRPr>
                    </a:p>
                  </a:txBody>
                  <a:tcPr marL="0" marR="0" marT="39095"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marL="71120">
                        <a:lnSpc>
                          <a:spcPct val="100000"/>
                        </a:lnSpc>
                        <a:spcBef>
                          <a:spcPts val="745"/>
                        </a:spcBef>
                      </a:pPr>
                      <a:r>
                        <a:rPr sz="800" spc="-100" dirty="0">
                          <a:latin typeface="メイリオ"/>
                          <a:cs typeface="メイリオ"/>
                        </a:rPr>
                        <a:t>【審査の視点】</a:t>
                      </a:r>
                      <a:endParaRPr sz="800">
                        <a:latin typeface="メイリオ"/>
                        <a:cs typeface="メイリオ"/>
                      </a:endParaRPr>
                    </a:p>
                    <a:p>
                      <a:pPr marL="205104">
                        <a:lnSpc>
                          <a:spcPct val="100000"/>
                        </a:lnSpc>
                        <a:spcBef>
                          <a:spcPts val="260"/>
                        </a:spcBef>
                        <a:tabLst>
                          <a:tab pos="2300605" algn="l"/>
                        </a:tabLst>
                      </a:pPr>
                      <a:r>
                        <a:rPr sz="800" spc="-100" dirty="0">
                          <a:latin typeface="メイリオ"/>
                          <a:cs typeface="メイリオ"/>
                        </a:rPr>
                        <a:t>・上位</a:t>
                      </a:r>
                      <a:r>
                        <a:rPr sz="800" spc="-110" dirty="0">
                          <a:latin typeface="メイリオ"/>
                          <a:cs typeface="メイリオ"/>
                        </a:rPr>
                        <a:t>・</a:t>
                      </a:r>
                      <a:r>
                        <a:rPr sz="800" spc="-100" dirty="0">
                          <a:latin typeface="メイリオ"/>
                          <a:cs typeface="メイリオ"/>
                        </a:rPr>
                        <a:t>関連</a:t>
                      </a:r>
                      <a:r>
                        <a:rPr sz="800" spc="-110" dirty="0">
                          <a:latin typeface="メイリオ"/>
                          <a:cs typeface="メイリオ"/>
                        </a:rPr>
                        <a:t>計</a:t>
                      </a:r>
                      <a:r>
                        <a:rPr sz="800" spc="-100" dirty="0">
                          <a:latin typeface="メイリオ"/>
                          <a:cs typeface="メイリオ"/>
                        </a:rPr>
                        <a:t>画と</a:t>
                      </a:r>
                      <a:r>
                        <a:rPr sz="800" spc="-110" dirty="0">
                          <a:latin typeface="メイリオ"/>
                          <a:cs typeface="メイリオ"/>
                        </a:rPr>
                        <a:t>の整</a:t>
                      </a:r>
                      <a:r>
                        <a:rPr sz="800" spc="-100" dirty="0">
                          <a:latin typeface="メイリオ"/>
                          <a:cs typeface="メイリオ"/>
                        </a:rPr>
                        <a:t>合</a:t>
                      </a:r>
                      <a:r>
                        <a:rPr sz="800" spc="-50" dirty="0">
                          <a:latin typeface="メイリオ"/>
                          <a:cs typeface="メイリオ"/>
                        </a:rPr>
                        <a:t>性</a:t>
                      </a:r>
                      <a:r>
                        <a:rPr sz="800" dirty="0">
                          <a:latin typeface="メイリオ"/>
                          <a:cs typeface="メイリオ"/>
                        </a:rPr>
                        <a:t>	</a:t>
                      </a:r>
                      <a:r>
                        <a:rPr sz="800" spc="-100" dirty="0">
                          <a:latin typeface="メイリオ"/>
                          <a:cs typeface="メイリオ"/>
                        </a:rPr>
                        <a:t>・課</a:t>
                      </a:r>
                      <a:r>
                        <a:rPr sz="800" spc="-110" dirty="0">
                          <a:latin typeface="メイリオ"/>
                          <a:cs typeface="メイリオ"/>
                        </a:rPr>
                        <a:t>題</a:t>
                      </a:r>
                      <a:r>
                        <a:rPr sz="800" spc="-100" dirty="0">
                          <a:latin typeface="メイリオ"/>
                          <a:cs typeface="メイリオ"/>
                        </a:rPr>
                        <a:t>解決や</a:t>
                      </a:r>
                      <a:r>
                        <a:rPr sz="800" spc="-160" dirty="0">
                          <a:latin typeface="メイリオ"/>
                          <a:cs typeface="メイリオ"/>
                        </a:rPr>
                        <a:t>サ</a:t>
                      </a:r>
                      <a:r>
                        <a:rPr sz="800" spc="-145" dirty="0">
                          <a:latin typeface="メイリオ"/>
                          <a:cs typeface="メイリオ"/>
                        </a:rPr>
                        <a:t>ービス</a:t>
                      </a:r>
                      <a:r>
                        <a:rPr sz="800" spc="-100" dirty="0">
                          <a:latin typeface="メイリオ"/>
                          <a:cs typeface="メイリオ"/>
                        </a:rPr>
                        <a:t>向上への寄</a:t>
                      </a:r>
                      <a:r>
                        <a:rPr sz="800" dirty="0">
                          <a:latin typeface="メイリオ"/>
                          <a:cs typeface="メイリオ"/>
                        </a:rPr>
                        <a:t>与</a:t>
                      </a:r>
                      <a:r>
                        <a:rPr sz="800" spc="85" dirty="0">
                          <a:latin typeface="メイリオ"/>
                          <a:cs typeface="メイリオ"/>
                        </a:rPr>
                        <a:t>  </a:t>
                      </a:r>
                      <a:r>
                        <a:rPr sz="800" spc="-50" dirty="0">
                          <a:latin typeface="メイリオ"/>
                          <a:cs typeface="メイリオ"/>
                        </a:rPr>
                        <a:t>等</a:t>
                      </a:r>
                      <a:endParaRPr sz="800">
                        <a:latin typeface="メイリオ"/>
                        <a:cs typeface="メイリオ"/>
                      </a:endParaRPr>
                    </a:p>
                    <a:p>
                      <a:pPr marL="71120">
                        <a:lnSpc>
                          <a:spcPct val="100000"/>
                        </a:lnSpc>
                        <a:spcBef>
                          <a:spcPts val="265"/>
                        </a:spcBef>
                      </a:pPr>
                      <a:r>
                        <a:rPr sz="800" spc="70" dirty="0">
                          <a:latin typeface="メイリオ"/>
                          <a:cs typeface="メイリオ"/>
                        </a:rPr>
                        <a:t>【審査結果】</a:t>
                      </a:r>
                      <a:endParaRPr sz="800">
                        <a:latin typeface="メイリオ"/>
                        <a:cs typeface="メイリオ"/>
                      </a:endParaRPr>
                    </a:p>
                    <a:p>
                      <a:pPr marL="351790" marR="191770" indent="-146685">
                        <a:lnSpc>
                          <a:spcPts val="1700"/>
                        </a:lnSpc>
                        <a:spcBef>
                          <a:spcPts val="95"/>
                        </a:spcBef>
                      </a:pPr>
                      <a:r>
                        <a:rPr sz="800" spc="-90" dirty="0">
                          <a:latin typeface="メイリオ"/>
                          <a:cs typeface="メイリオ"/>
                        </a:rPr>
                        <a:t>・⺠間資⾦・ノウハウ等の活⽤したインフラ整備・管理は、市の政策やイン</a:t>
                      </a:r>
                      <a:r>
                        <a:rPr sz="800" spc="-50" dirty="0">
                          <a:latin typeface="メイリオ"/>
                          <a:cs typeface="メイリオ"/>
                        </a:rPr>
                        <a:t>フラマネジメントにおける考え方に沿った内容である。</a:t>
                      </a:r>
                      <a:endParaRPr sz="800">
                        <a:latin typeface="メイリオ"/>
                        <a:cs typeface="メイリオ"/>
                      </a:endParaRPr>
                    </a:p>
                    <a:p>
                      <a:pPr marL="351790" marR="191770" indent="-146685">
                        <a:lnSpc>
                          <a:spcPts val="1689"/>
                        </a:lnSpc>
                        <a:spcBef>
                          <a:spcPts val="15"/>
                        </a:spcBef>
                      </a:pPr>
                      <a:r>
                        <a:rPr sz="800" spc="-85" dirty="0">
                          <a:latin typeface="メイリオ"/>
                          <a:cs typeface="メイリオ"/>
                        </a:rPr>
                        <a:t>・神通⼤橋は、本市の社会経済活動を⽀える重要な橋梁であり、特に上流側</a:t>
                      </a:r>
                      <a:r>
                        <a:rPr sz="800" spc="-50" dirty="0">
                          <a:latin typeface="メイリオ"/>
                          <a:cs typeface="メイリオ"/>
                        </a:rPr>
                        <a:t>は⽼朽化が進展しており</a:t>
                      </a:r>
                      <a:r>
                        <a:rPr sz="800" spc="-50" dirty="0">
                          <a:solidFill>
                            <a:srgbClr val="006FBF"/>
                          </a:solidFill>
                          <a:latin typeface="メイリオ"/>
                          <a:cs typeface="メイリオ"/>
                        </a:rPr>
                        <a:t>更新の必要性は極めて⾼い</a:t>
                      </a:r>
                      <a:r>
                        <a:rPr sz="800" spc="-50" dirty="0">
                          <a:latin typeface="メイリオ"/>
                          <a:cs typeface="メイリオ"/>
                        </a:rPr>
                        <a:t>。</a:t>
                      </a:r>
                      <a:endParaRPr sz="800">
                        <a:latin typeface="メイリオ"/>
                        <a:cs typeface="メイリオ"/>
                      </a:endParaRPr>
                    </a:p>
                    <a:p>
                      <a:pPr marL="351790" marR="191770" indent="-146685">
                        <a:lnSpc>
                          <a:spcPts val="1700"/>
                        </a:lnSpc>
                        <a:spcBef>
                          <a:spcPts val="5"/>
                        </a:spcBef>
                      </a:pPr>
                      <a:r>
                        <a:rPr sz="800" spc="-95" dirty="0">
                          <a:latin typeface="メイリオ"/>
                          <a:cs typeface="メイリオ"/>
                        </a:rPr>
                        <a:t>・包括維持管理は、本市の橋梁⽼朽化対策において、効率的かつ効果的な業</a:t>
                      </a:r>
                      <a:r>
                        <a:rPr sz="800" spc="-50" dirty="0">
                          <a:latin typeface="メイリオ"/>
                          <a:cs typeface="メイリオ"/>
                        </a:rPr>
                        <a:t>務の推進に向けての</a:t>
                      </a:r>
                      <a:r>
                        <a:rPr sz="800" spc="-50" dirty="0">
                          <a:solidFill>
                            <a:srgbClr val="006FBF"/>
                          </a:solidFill>
                          <a:latin typeface="メイリオ"/>
                          <a:cs typeface="メイリオ"/>
                        </a:rPr>
                        <a:t>有効な手法として期待できる</a:t>
                      </a:r>
                      <a:r>
                        <a:rPr sz="800" spc="-50" dirty="0">
                          <a:latin typeface="メイリオ"/>
                          <a:cs typeface="メイリオ"/>
                        </a:rPr>
                        <a:t>。</a:t>
                      </a:r>
                      <a:endParaRPr sz="800">
                        <a:latin typeface="メイリオ"/>
                        <a:cs typeface="メイリオ"/>
                      </a:endParaRPr>
                    </a:p>
                  </a:txBody>
                  <a:tcPr marL="0" marR="0" marT="60679"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a:lnSpc>
                          <a:spcPct val="100000"/>
                        </a:lnSpc>
                      </a:pPr>
                      <a:endParaRPr sz="1300">
                        <a:latin typeface="Times New Roman"/>
                        <a:cs typeface="Times New Roman"/>
                      </a:endParaRPr>
                    </a:p>
                    <a:p>
                      <a:pPr>
                        <a:lnSpc>
                          <a:spcPct val="100000"/>
                        </a:lnSpc>
                      </a:pPr>
                      <a:endParaRPr sz="1300">
                        <a:latin typeface="Times New Roman"/>
                        <a:cs typeface="Times New Roman"/>
                      </a:endParaRPr>
                    </a:p>
                    <a:p>
                      <a:pPr>
                        <a:lnSpc>
                          <a:spcPct val="100000"/>
                        </a:lnSpc>
                      </a:pPr>
                      <a:endParaRPr sz="1300">
                        <a:latin typeface="Times New Roman"/>
                        <a:cs typeface="Times New Roman"/>
                      </a:endParaRPr>
                    </a:p>
                    <a:p>
                      <a:pPr marL="74295">
                        <a:lnSpc>
                          <a:spcPct val="100000"/>
                        </a:lnSpc>
                        <a:spcBef>
                          <a:spcPts val="5"/>
                        </a:spcBef>
                      </a:pPr>
                      <a:r>
                        <a:rPr sz="1300" b="1" dirty="0">
                          <a:latin typeface="HGPｺﾞｼｯｸM"/>
                          <a:cs typeface="HGPｺﾞｼｯｸM"/>
                        </a:rPr>
                        <a:t>◎</a:t>
                      </a:r>
                      <a:endParaRPr sz="1300">
                        <a:latin typeface="HGPｺﾞｼｯｸM"/>
                        <a:cs typeface="HGPｺﾞｼｯｸM"/>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1"/>
                  </a:ext>
                </a:extLst>
              </a:tr>
              <a:tr h="1780474">
                <a:tc>
                  <a:txBody>
                    <a:bodyPr/>
                    <a:lstStyle/>
                    <a:p>
                      <a:pPr marL="220979" marR="124460" indent="-152400">
                        <a:lnSpc>
                          <a:spcPct val="117500"/>
                        </a:lnSpc>
                        <a:spcBef>
                          <a:spcPts val="505"/>
                        </a:spcBef>
                      </a:pPr>
                      <a:r>
                        <a:rPr sz="800" spc="-10" dirty="0">
                          <a:latin typeface="メイリオ"/>
                          <a:cs typeface="メイリオ"/>
                        </a:rPr>
                        <a:t>②提案の実現</a:t>
                      </a:r>
                      <a:r>
                        <a:rPr sz="800" spc="-20" dirty="0">
                          <a:latin typeface="メイリオ"/>
                          <a:cs typeface="メイリオ"/>
                        </a:rPr>
                        <a:t>可能性</a:t>
                      </a:r>
                      <a:endParaRPr sz="800">
                        <a:latin typeface="メイリオ"/>
                        <a:cs typeface="メイリオ"/>
                      </a:endParaRPr>
                    </a:p>
                  </a:txBody>
                  <a:tcPr marL="0" marR="0" marT="41132"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marL="71120">
                        <a:lnSpc>
                          <a:spcPct val="100000"/>
                        </a:lnSpc>
                        <a:spcBef>
                          <a:spcPts val="755"/>
                        </a:spcBef>
                      </a:pPr>
                      <a:r>
                        <a:rPr sz="800" spc="-100" dirty="0">
                          <a:latin typeface="メイリオ"/>
                          <a:cs typeface="メイリオ"/>
                        </a:rPr>
                        <a:t>【審査の視点】</a:t>
                      </a:r>
                      <a:endParaRPr sz="800">
                        <a:latin typeface="メイリオ"/>
                        <a:cs typeface="メイリオ"/>
                      </a:endParaRPr>
                    </a:p>
                    <a:p>
                      <a:pPr marL="344170" marR="251460" indent="-139065">
                        <a:lnSpc>
                          <a:spcPts val="1700"/>
                        </a:lnSpc>
                        <a:spcBef>
                          <a:spcPts val="90"/>
                        </a:spcBef>
                        <a:tabLst>
                          <a:tab pos="764540" algn="l"/>
                          <a:tab pos="2860040" algn="l"/>
                        </a:tabLst>
                      </a:pPr>
                      <a:r>
                        <a:rPr sz="800" spc="-100" dirty="0">
                          <a:latin typeface="メイリオ"/>
                          <a:cs typeface="メイリオ"/>
                        </a:rPr>
                        <a:t>・法制</a:t>
                      </a:r>
                      <a:r>
                        <a:rPr sz="800" spc="-110" dirty="0">
                          <a:latin typeface="メイリオ"/>
                          <a:cs typeface="メイリオ"/>
                        </a:rPr>
                        <a:t>度</a:t>
                      </a:r>
                      <a:r>
                        <a:rPr sz="800" spc="-100" dirty="0">
                          <a:latin typeface="メイリオ"/>
                          <a:cs typeface="メイリオ"/>
                        </a:rPr>
                        <a:t>上や</a:t>
                      </a:r>
                      <a:r>
                        <a:rPr sz="800" spc="-110" dirty="0">
                          <a:latin typeface="メイリオ"/>
                          <a:cs typeface="メイリオ"/>
                        </a:rPr>
                        <a:t>技</a:t>
                      </a:r>
                      <a:r>
                        <a:rPr sz="800" spc="-100" dirty="0">
                          <a:latin typeface="メイリオ"/>
                          <a:cs typeface="メイリオ"/>
                        </a:rPr>
                        <a:t>術的</a:t>
                      </a:r>
                      <a:r>
                        <a:rPr sz="800" spc="-110" dirty="0">
                          <a:latin typeface="メイリオ"/>
                          <a:cs typeface="メイリオ"/>
                        </a:rPr>
                        <a:t>観点</a:t>
                      </a:r>
                      <a:r>
                        <a:rPr sz="800" spc="-100" dirty="0">
                          <a:latin typeface="メイリオ"/>
                          <a:cs typeface="メイリオ"/>
                        </a:rPr>
                        <a:t>からの</a:t>
                      </a:r>
                      <a:r>
                        <a:rPr sz="800" spc="-110" dirty="0">
                          <a:latin typeface="メイリオ"/>
                          <a:cs typeface="メイリオ"/>
                        </a:rPr>
                        <a:t>実</a:t>
                      </a:r>
                      <a:r>
                        <a:rPr sz="800" spc="-100" dirty="0">
                          <a:latin typeface="メイリオ"/>
                          <a:cs typeface="メイリオ"/>
                        </a:rPr>
                        <a:t>現</a:t>
                      </a:r>
                      <a:r>
                        <a:rPr sz="800" spc="-50" dirty="0">
                          <a:latin typeface="メイリオ"/>
                          <a:cs typeface="メイリオ"/>
                        </a:rPr>
                        <a:t>性</a:t>
                      </a:r>
                      <a:r>
                        <a:rPr sz="800" dirty="0">
                          <a:latin typeface="メイリオ"/>
                          <a:cs typeface="メイリオ"/>
                        </a:rPr>
                        <a:t>	</a:t>
                      </a:r>
                      <a:r>
                        <a:rPr sz="800" spc="-100" dirty="0">
                          <a:latin typeface="メイリオ"/>
                          <a:cs typeface="メイリオ"/>
                        </a:rPr>
                        <a:t>・</a:t>
                      </a:r>
                      <a:r>
                        <a:rPr sz="800" spc="-110" dirty="0">
                          <a:latin typeface="メイリオ"/>
                          <a:cs typeface="メイリオ"/>
                        </a:rPr>
                        <a:t>事業</a:t>
                      </a:r>
                      <a:r>
                        <a:rPr sz="800" spc="-100" dirty="0">
                          <a:latin typeface="メイリオ"/>
                          <a:cs typeface="メイリオ"/>
                        </a:rPr>
                        <a:t>の収益</a:t>
                      </a:r>
                      <a:r>
                        <a:rPr sz="800" spc="-110" dirty="0">
                          <a:latin typeface="メイリオ"/>
                          <a:cs typeface="メイリオ"/>
                        </a:rPr>
                        <a:t>性</a:t>
                      </a:r>
                      <a:r>
                        <a:rPr sz="800" spc="-100" dirty="0">
                          <a:latin typeface="メイリオ"/>
                          <a:cs typeface="メイリオ"/>
                        </a:rPr>
                        <a:t>、安</a:t>
                      </a:r>
                      <a:r>
                        <a:rPr sz="800" spc="-110" dirty="0">
                          <a:latin typeface="メイリオ"/>
                          <a:cs typeface="メイリオ"/>
                        </a:rPr>
                        <a:t>全</a:t>
                      </a:r>
                      <a:r>
                        <a:rPr sz="800" spc="-100" dirty="0">
                          <a:latin typeface="メイリオ"/>
                          <a:cs typeface="メイリオ"/>
                        </a:rPr>
                        <a:t>性、</a:t>
                      </a:r>
                      <a:r>
                        <a:rPr sz="800" spc="-110" dirty="0">
                          <a:latin typeface="メイリオ"/>
                          <a:cs typeface="メイリオ"/>
                        </a:rPr>
                        <a:t>継続</a:t>
                      </a:r>
                      <a:r>
                        <a:rPr sz="800" spc="-100" dirty="0">
                          <a:latin typeface="メイリオ"/>
                          <a:cs typeface="メイリオ"/>
                        </a:rPr>
                        <a:t>性</a:t>
                      </a:r>
                      <a:r>
                        <a:rPr sz="800" spc="-50" dirty="0">
                          <a:latin typeface="メイリオ"/>
                          <a:cs typeface="メイリオ"/>
                        </a:rPr>
                        <a:t>の</a:t>
                      </a:r>
                      <a:r>
                        <a:rPr sz="800" spc="-100" dirty="0">
                          <a:latin typeface="メイリオ"/>
                          <a:cs typeface="メイリオ"/>
                        </a:rPr>
                        <a:t>確</a:t>
                      </a:r>
                      <a:r>
                        <a:rPr sz="800" spc="-50" dirty="0">
                          <a:latin typeface="メイリオ"/>
                          <a:cs typeface="メイリオ"/>
                        </a:rPr>
                        <a:t>保</a:t>
                      </a:r>
                      <a:r>
                        <a:rPr sz="800" dirty="0">
                          <a:latin typeface="メイリオ"/>
                          <a:cs typeface="メイリオ"/>
                        </a:rPr>
                        <a:t>	</a:t>
                      </a:r>
                      <a:r>
                        <a:rPr sz="800" spc="-50" dirty="0">
                          <a:latin typeface="メイリオ"/>
                          <a:cs typeface="メイリオ"/>
                        </a:rPr>
                        <a:t>等</a:t>
                      </a:r>
                      <a:endParaRPr sz="800">
                        <a:latin typeface="メイリオ"/>
                        <a:cs typeface="メイリオ"/>
                      </a:endParaRPr>
                    </a:p>
                    <a:p>
                      <a:pPr marL="71120">
                        <a:lnSpc>
                          <a:spcPct val="100000"/>
                        </a:lnSpc>
                        <a:spcBef>
                          <a:spcPts val="170"/>
                        </a:spcBef>
                      </a:pPr>
                      <a:r>
                        <a:rPr sz="800" spc="70" dirty="0">
                          <a:latin typeface="メイリオ"/>
                          <a:cs typeface="メイリオ"/>
                        </a:rPr>
                        <a:t>【審査結果】</a:t>
                      </a:r>
                      <a:endParaRPr sz="800">
                        <a:latin typeface="メイリオ"/>
                        <a:cs typeface="メイリオ"/>
                      </a:endParaRPr>
                    </a:p>
                    <a:p>
                      <a:pPr marL="351790" marR="191770" indent="-146685">
                        <a:lnSpc>
                          <a:spcPts val="1700"/>
                        </a:lnSpc>
                        <a:spcBef>
                          <a:spcPts val="90"/>
                        </a:spcBef>
                      </a:pPr>
                      <a:r>
                        <a:rPr sz="800" spc="-90" dirty="0">
                          <a:latin typeface="メイリオ"/>
                          <a:cs typeface="メイリオ"/>
                        </a:rPr>
                        <a:t>・神通⼤橋の更新では、コスト縮減・工期短縮手法において具体的な検証が</a:t>
                      </a:r>
                      <a:r>
                        <a:rPr sz="800" spc="-50" dirty="0">
                          <a:latin typeface="メイリオ"/>
                          <a:cs typeface="メイリオ"/>
                        </a:rPr>
                        <a:t>なされており</a:t>
                      </a:r>
                      <a:r>
                        <a:rPr sz="800" spc="-50" dirty="0">
                          <a:solidFill>
                            <a:srgbClr val="006FBF"/>
                          </a:solidFill>
                          <a:latin typeface="メイリオ"/>
                          <a:cs typeface="メイリオ"/>
                        </a:rPr>
                        <a:t>十分評価できる</a:t>
                      </a:r>
                      <a:r>
                        <a:rPr sz="800" spc="-50" dirty="0">
                          <a:latin typeface="メイリオ"/>
                          <a:cs typeface="メイリオ"/>
                        </a:rPr>
                        <a:t>。</a:t>
                      </a:r>
                      <a:endParaRPr sz="800">
                        <a:latin typeface="メイリオ"/>
                        <a:cs typeface="メイリオ"/>
                      </a:endParaRPr>
                    </a:p>
                    <a:p>
                      <a:pPr marL="337820" marR="194310">
                        <a:lnSpc>
                          <a:spcPts val="1689"/>
                        </a:lnSpc>
                        <a:spcBef>
                          <a:spcPts val="15"/>
                        </a:spcBef>
                      </a:pPr>
                      <a:r>
                        <a:rPr sz="800" spc="-75" dirty="0">
                          <a:latin typeface="メイリオ"/>
                          <a:cs typeface="メイリオ"/>
                        </a:rPr>
                        <a:t>ただし、従来手法による工法や方式が未定であり、妥当性や実現性、周辺</a:t>
                      </a:r>
                      <a:r>
                        <a:rPr sz="800" spc="-60" dirty="0">
                          <a:latin typeface="メイリオ"/>
                          <a:cs typeface="メイリオ"/>
                        </a:rPr>
                        <a:t>環境への影響</a:t>
                      </a:r>
                      <a:r>
                        <a:rPr sz="800" spc="-40" dirty="0">
                          <a:latin typeface="メイリオ"/>
                          <a:cs typeface="メイリオ"/>
                        </a:rPr>
                        <a:t>（</a:t>
                      </a:r>
                      <a:r>
                        <a:rPr sz="800" spc="-60" dirty="0">
                          <a:latin typeface="メイリオ"/>
                          <a:cs typeface="メイリオ"/>
                        </a:rPr>
                        <a:t>⽤地・補償や交通等</a:t>
                      </a:r>
                      <a:r>
                        <a:rPr sz="800" spc="-100" dirty="0">
                          <a:latin typeface="メイリオ"/>
                          <a:cs typeface="メイリオ"/>
                        </a:rPr>
                        <a:t>）</a:t>
                      </a:r>
                      <a:r>
                        <a:rPr sz="800" spc="-60" dirty="0">
                          <a:latin typeface="メイリオ"/>
                          <a:cs typeface="メイリオ"/>
                        </a:rPr>
                        <a:t>について、</a:t>
                      </a:r>
                      <a:r>
                        <a:rPr sz="800" spc="-60" dirty="0">
                          <a:solidFill>
                            <a:srgbClr val="FF0000"/>
                          </a:solidFill>
                          <a:latin typeface="メイリオ"/>
                          <a:cs typeface="メイリオ"/>
                        </a:rPr>
                        <a:t>さらなる調査・検討が必</a:t>
                      </a:r>
                      <a:endParaRPr sz="800">
                        <a:latin typeface="メイリオ"/>
                        <a:cs typeface="メイリオ"/>
                      </a:endParaRPr>
                    </a:p>
                    <a:p>
                      <a:pPr marL="337820">
                        <a:lnSpc>
                          <a:spcPct val="100000"/>
                        </a:lnSpc>
                        <a:spcBef>
                          <a:spcPts val="170"/>
                        </a:spcBef>
                      </a:pPr>
                      <a:r>
                        <a:rPr sz="800" spc="-50" dirty="0">
                          <a:solidFill>
                            <a:srgbClr val="FF0000"/>
                          </a:solidFill>
                          <a:latin typeface="メイリオ"/>
                          <a:cs typeface="メイリオ"/>
                        </a:rPr>
                        <a:t>要である</a:t>
                      </a:r>
                      <a:r>
                        <a:rPr sz="800" spc="-50" dirty="0">
                          <a:latin typeface="メイリオ"/>
                          <a:cs typeface="メイリオ"/>
                        </a:rPr>
                        <a:t>。</a:t>
                      </a:r>
                      <a:endParaRPr sz="800">
                        <a:latin typeface="メイリオ"/>
                        <a:cs typeface="メイリオ"/>
                      </a:endParaRPr>
                    </a:p>
                    <a:p>
                      <a:pPr marL="351790" marR="156210" indent="-146685">
                        <a:lnSpc>
                          <a:spcPct val="117500"/>
                        </a:lnSpc>
                        <a:spcBef>
                          <a:spcPts val="10"/>
                        </a:spcBef>
                      </a:pPr>
                      <a:r>
                        <a:rPr sz="800" spc="-65" dirty="0">
                          <a:latin typeface="メイリオ"/>
                          <a:cs typeface="メイリオ"/>
                        </a:rPr>
                        <a:t>・橋梁の包括管理はまだ事業スキームとして確⽴されておらず、制度設計・</a:t>
                      </a:r>
                      <a:r>
                        <a:rPr sz="800" spc="-50" dirty="0">
                          <a:latin typeface="メイリオ"/>
                          <a:cs typeface="メイリオ"/>
                        </a:rPr>
                        <a:t>試⾏実施・段階的実施等、</a:t>
                      </a:r>
                      <a:r>
                        <a:rPr sz="800" spc="-50" dirty="0">
                          <a:solidFill>
                            <a:srgbClr val="FF0000"/>
                          </a:solidFill>
                          <a:latin typeface="メイリオ"/>
                          <a:cs typeface="メイリオ"/>
                        </a:rPr>
                        <a:t>さらなる調査・検討が必要である</a:t>
                      </a:r>
                      <a:r>
                        <a:rPr sz="800" spc="-50" dirty="0">
                          <a:latin typeface="メイリオ"/>
                          <a:cs typeface="メイリオ"/>
                        </a:rPr>
                        <a:t>。</a:t>
                      </a:r>
                      <a:endParaRPr sz="800">
                        <a:latin typeface="メイリオ"/>
                        <a:cs typeface="メイリオ"/>
                      </a:endParaRPr>
                    </a:p>
                    <a:p>
                      <a:pPr marL="205104">
                        <a:lnSpc>
                          <a:spcPct val="100000"/>
                        </a:lnSpc>
                        <a:spcBef>
                          <a:spcPts val="265"/>
                        </a:spcBef>
                      </a:pPr>
                      <a:r>
                        <a:rPr sz="800" spc="-50" dirty="0">
                          <a:latin typeface="メイリオ"/>
                          <a:cs typeface="メイリオ"/>
                        </a:rPr>
                        <a:t>・資⾦調達計画等から、⼀定の収益性・安全性が確認できる。</a:t>
                      </a:r>
                      <a:endParaRPr sz="800">
                        <a:latin typeface="メイリオ"/>
                        <a:cs typeface="メイリオ"/>
                      </a:endParaRPr>
                    </a:p>
                  </a:txBody>
                  <a:tcPr marL="0" marR="0" marT="6149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a:lnSpc>
                          <a:spcPct val="100000"/>
                        </a:lnSpc>
                      </a:pPr>
                      <a:endParaRPr sz="1300">
                        <a:latin typeface="Times New Roman"/>
                        <a:cs typeface="Times New Roman"/>
                      </a:endParaRPr>
                    </a:p>
                    <a:p>
                      <a:pPr>
                        <a:lnSpc>
                          <a:spcPct val="100000"/>
                        </a:lnSpc>
                      </a:pPr>
                      <a:endParaRPr sz="1300">
                        <a:latin typeface="Times New Roman"/>
                        <a:cs typeface="Times New Roman"/>
                      </a:endParaRPr>
                    </a:p>
                    <a:p>
                      <a:pPr>
                        <a:lnSpc>
                          <a:spcPct val="100000"/>
                        </a:lnSpc>
                      </a:pPr>
                      <a:endParaRPr sz="1300">
                        <a:latin typeface="Times New Roman"/>
                        <a:cs typeface="Times New Roman"/>
                      </a:endParaRPr>
                    </a:p>
                    <a:p>
                      <a:pPr>
                        <a:lnSpc>
                          <a:spcPct val="100000"/>
                        </a:lnSpc>
                        <a:spcBef>
                          <a:spcPts val="15"/>
                        </a:spcBef>
                      </a:pPr>
                      <a:endParaRPr sz="1400">
                        <a:latin typeface="Times New Roman"/>
                        <a:cs typeface="Times New Roman"/>
                      </a:endParaRPr>
                    </a:p>
                    <a:p>
                      <a:pPr marL="74295">
                        <a:lnSpc>
                          <a:spcPct val="100000"/>
                        </a:lnSpc>
                      </a:pPr>
                      <a:r>
                        <a:rPr sz="1300" b="1" dirty="0">
                          <a:latin typeface="HGPｺﾞｼｯｸM"/>
                          <a:cs typeface="HGPｺﾞｼｯｸM"/>
                        </a:rPr>
                        <a:t>○</a:t>
                      </a:r>
                      <a:endParaRPr sz="1300">
                        <a:latin typeface="HGPｺﾞｼｯｸM"/>
                        <a:cs typeface="HGPｺﾞｼｯｸM"/>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2"/>
                  </a:ext>
                </a:extLst>
              </a:tr>
              <a:tr h="1226621">
                <a:tc>
                  <a:txBody>
                    <a:bodyPr/>
                    <a:lstStyle/>
                    <a:p>
                      <a:pPr marL="220979" marR="124460" indent="-152400" algn="just">
                        <a:lnSpc>
                          <a:spcPct val="118000"/>
                        </a:lnSpc>
                        <a:spcBef>
                          <a:spcPts val="495"/>
                        </a:spcBef>
                      </a:pPr>
                      <a:r>
                        <a:rPr sz="800" spc="-20" dirty="0">
                          <a:latin typeface="メイリオ"/>
                          <a:cs typeface="メイリオ"/>
                        </a:rPr>
                        <a:t>③ＰＦＩ手法</a:t>
                      </a:r>
                      <a:r>
                        <a:rPr sz="800" spc="-10" dirty="0">
                          <a:latin typeface="メイリオ"/>
                          <a:cs typeface="メイリオ"/>
                        </a:rPr>
                        <a:t>を活⽤することの妥当</a:t>
                      </a:r>
                      <a:r>
                        <a:rPr sz="800" spc="-50" dirty="0">
                          <a:latin typeface="メイリオ"/>
                          <a:cs typeface="メイリオ"/>
                        </a:rPr>
                        <a:t>性</a:t>
                      </a:r>
                      <a:endParaRPr sz="800">
                        <a:latin typeface="メイリオ"/>
                        <a:cs typeface="メイリオ"/>
                      </a:endParaRPr>
                    </a:p>
                  </a:txBody>
                  <a:tcPr marL="0" marR="0" marT="4031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marL="71120">
                        <a:lnSpc>
                          <a:spcPct val="100000"/>
                        </a:lnSpc>
                        <a:spcBef>
                          <a:spcPts val="755"/>
                        </a:spcBef>
                      </a:pPr>
                      <a:r>
                        <a:rPr sz="800" b="1" spc="-100" dirty="0">
                          <a:latin typeface="メイリオ"/>
                          <a:cs typeface="メイリオ"/>
                        </a:rPr>
                        <a:t>【審査の視点】</a:t>
                      </a:r>
                      <a:endParaRPr sz="800">
                        <a:latin typeface="メイリオ"/>
                        <a:cs typeface="メイリオ"/>
                      </a:endParaRPr>
                    </a:p>
                    <a:p>
                      <a:pPr marL="205104">
                        <a:lnSpc>
                          <a:spcPct val="100000"/>
                        </a:lnSpc>
                        <a:spcBef>
                          <a:spcPts val="250"/>
                        </a:spcBef>
                        <a:tabLst>
                          <a:tab pos="1881505" algn="l"/>
                          <a:tab pos="2914650" algn="l"/>
                        </a:tabLst>
                      </a:pPr>
                      <a:r>
                        <a:rPr sz="800" spc="-100" dirty="0">
                          <a:latin typeface="メイリオ"/>
                          <a:cs typeface="メイリオ"/>
                        </a:rPr>
                        <a:t>・サー</a:t>
                      </a:r>
                      <a:r>
                        <a:rPr sz="800" spc="-110" dirty="0">
                          <a:latin typeface="メイリオ"/>
                          <a:cs typeface="メイリオ"/>
                        </a:rPr>
                        <a:t>ビ</a:t>
                      </a:r>
                      <a:r>
                        <a:rPr sz="800" spc="-100" dirty="0">
                          <a:latin typeface="メイリオ"/>
                          <a:cs typeface="メイリオ"/>
                        </a:rPr>
                        <a:t>ス向</a:t>
                      </a:r>
                      <a:r>
                        <a:rPr sz="800" spc="-110" dirty="0">
                          <a:latin typeface="メイリオ"/>
                          <a:cs typeface="メイリオ"/>
                        </a:rPr>
                        <a:t>上</a:t>
                      </a:r>
                      <a:r>
                        <a:rPr sz="800" spc="-100" dirty="0">
                          <a:latin typeface="メイリオ"/>
                          <a:cs typeface="メイリオ"/>
                        </a:rPr>
                        <a:t>の実</a:t>
                      </a:r>
                      <a:r>
                        <a:rPr sz="800" spc="-50" dirty="0">
                          <a:latin typeface="メイリオ"/>
                          <a:cs typeface="メイリオ"/>
                        </a:rPr>
                        <a:t>現</a:t>
                      </a:r>
                      <a:r>
                        <a:rPr sz="800" dirty="0">
                          <a:latin typeface="メイリオ"/>
                          <a:cs typeface="メイリオ"/>
                        </a:rPr>
                        <a:t>	</a:t>
                      </a:r>
                      <a:r>
                        <a:rPr sz="800" spc="-100" dirty="0">
                          <a:latin typeface="メイリオ"/>
                          <a:cs typeface="メイリオ"/>
                        </a:rPr>
                        <a:t>・</a:t>
                      </a:r>
                      <a:r>
                        <a:rPr sz="800" spc="-35" dirty="0">
                          <a:latin typeface="メイリオ"/>
                          <a:cs typeface="メイリオ"/>
                        </a:rPr>
                        <a:t>VFM</a:t>
                      </a:r>
                      <a:r>
                        <a:rPr sz="800" spc="-185" dirty="0">
                          <a:latin typeface="メイリオ"/>
                          <a:cs typeface="メイリオ"/>
                        </a:rPr>
                        <a:t> </a:t>
                      </a:r>
                      <a:r>
                        <a:rPr sz="800" spc="-100" dirty="0">
                          <a:latin typeface="メイリオ"/>
                          <a:cs typeface="メイリオ"/>
                        </a:rPr>
                        <a:t>の</a:t>
                      </a:r>
                      <a:r>
                        <a:rPr sz="800" spc="-110" dirty="0">
                          <a:latin typeface="メイリオ"/>
                          <a:cs typeface="メイリオ"/>
                        </a:rPr>
                        <a:t>有</a:t>
                      </a:r>
                      <a:r>
                        <a:rPr sz="800" spc="-50" dirty="0">
                          <a:latin typeface="メイリオ"/>
                          <a:cs typeface="メイリオ"/>
                        </a:rPr>
                        <a:t>無</a:t>
                      </a:r>
                      <a:r>
                        <a:rPr sz="800" dirty="0">
                          <a:latin typeface="メイリオ"/>
                          <a:cs typeface="メイリオ"/>
                        </a:rPr>
                        <a:t>	</a:t>
                      </a:r>
                      <a:r>
                        <a:rPr sz="800" spc="-50" dirty="0">
                          <a:latin typeface="メイリオ"/>
                          <a:cs typeface="メイリオ"/>
                        </a:rPr>
                        <a:t>等</a:t>
                      </a:r>
                      <a:endParaRPr sz="800">
                        <a:latin typeface="メイリオ"/>
                        <a:cs typeface="メイリオ"/>
                      </a:endParaRPr>
                    </a:p>
                    <a:p>
                      <a:pPr marL="71120">
                        <a:lnSpc>
                          <a:spcPct val="100000"/>
                        </a:lnSpc>
                        <a:spcBef>
                          <a:spcPts val="265"/>
                        </a:spcBef>
                      </a:pPr>
                      <a:r>
                        <a:rPr sz="800" b="1" spc="70" dirty="0">
                          <a:latin typeface="メイリオ"/>
                          <a:cs typeface="メイリオ"/>
                        </a:rPr>
                        <a:t>【審査結果】</a:t>
                      </a:r>
                      <a:endParaRPr sz="800">
                        <a:latin typeface="メイリオ"/>
                        <a:cs typeface="メイリオ"/>
                      </a:endParaRPr>
                    </a:p>
                    <a:p>
                      <a:pPr marL="351790" marR="191770" indent="-146685">
                        <a:lnSpc>
                          <a:spcPct val="117500"/>
                        </a:lnSpc>
                        <a:spcBef>
                          <a:spcPts val="15"/>
                        </a:spcBef>
                      </a:pPr>
                      <a:r>
                        <a:rPr sz="800" spc="-50" dirty="0">
                          <a:latin typeface="メイリオ"/>
                          <a:cs typeface="メイリオ"/>
                        </a:rPr>
                        <a:t>・</a:t>
                      </a:r>
                      <a:r>
                        <a:rPr sz="800" spc="-20" dirty="0">
                          <a:latin typeface="メイリオ"/>
                          <a:cs typeface="メイリオ"/>
                        </a:rPr>
                        <a:t>PFI</a:t>
                      </a:r>
                      <a:r>
                        <a:rPr sz="800" spc="-65" dirty="0">
                          <a:latin typeface="メイリオ"/>
                          <a:cs typeface="メイリオ"/>
                        </a:rPr>
                        <a:t> 手法により、</a:t>
                      </a:r>
                      <a:r>
                        <a:rPr sz="800" spc="-50" dirty="0">
                          <a:solidFill>
                            <a:srgbClr val="006FBF"/>
                          </a:solidFill>
                          <a:latin typeface="メイリオ"/>
                          <a:cs typeface="メイリオ"/>
                        </a:rPr>
                        <a:t>抜本的対策の早期実施や工期短縮(</a:t>
                      </a:r>
                      <a:r>
                        <a:rPr sz="800" spc="-10" dirty="0">
                          <a:solidFill>
                            <a:srgbClr val="006FBF"/>
                          </a:solidFill>
                          <a:latin typeface="メイリオ"/>
                          <a:cs typeface="メイリオ"/>
                        </a:rPr>
                        <a:t>1</a:t>
                      </a:r>
                      <a:r>
                        <a:rPr sz="800" spc="-55" dirty="0">
                          <a:solidFill>
                            <a:srgbClr val="006FBF"/>
                          </a:solidFill>
                          <a:latin typeface="メイリオ"/>
                          <a:cs typeface="メイリオ"/>
                        </a:rPr>
                        <a:t> 年)等の効果が期待</a:t>
                      </a:r>
                      <a:r>
                        <a:rPr sz="800" spc="-45" dirty="0">
                          <a:solidFill>
                            <a:srgbClr val="006FBF"/>
                          </a:solidFill>
                          <a:latin typeface="メイリオ"/>
                          <a:cs typeface="メイリオ"/>
                        </a:rPr>
                        <a:t>できる</a:t>
                      </a:r>
                      <a:r>
                        <a:rPr sz="800" spc="-50" dirty="0">
                          <a:latin typeface="メイリオ"/>
                          <a:cs typeface="メイリオ"/>
                        </a:rPr>
                        <a:t>。</a:t>
                      </a:r>
                      <a:endParaRPr sz="800">
                        <a:latin typeface="メイリオ"/>
                        <a:cs typeface="メイリオ"/>
                      </a:endParaRPr>
                    </a:p>
                    <a:p>
                      <a:pPr marL="205104">
                        <a:lnSpc>
                          <a:spcPct val="100000"/>
                        </a:lnSpc>
                        <a:spcBef>
                          <a:spcPts val="260"/>
                        </a:spcBef>
                      </a:pPr>
                      <a:r>
                        <a:rPr sz="800" spc="-55" dirty="0">
                          <a:latin typeface="メイリオ"/>
                          <a:cs typeface="メイリオ"/>
                        </a:rPr>
                        <a:t>・提案者による試算及び事務局精査において⼀定の </a:t>
                      </a:r>
                      <a:r>
                        <a:rPr sz="800" spc="-15" dirty="0">
                          <a:latin typeface="メイリオ"/>
                          <a:cs typeface="メイリオ"/>
                        </a:rPr>
                        <a:t>VFM</a:t>
                      </a:r>
                      <a:r>
                        <a:rPr sz="800" spc="-65" dirty="0">
                          <a:latin typeface="メイリオ"/>
                          <a:cs typeface="メイリオ"/>
                        </a:rPr>
                        <a:t> が認められる。</a:t>
                      </a:r>
                      <a:endParaRPr sz="800">
                        <a:latin typeface="メイリオ"/>
                        <a:cs typeface="メイリオ"/>
                      </a:endParaRPr>
                    </a:p>
                    <a:p>
                      <a:pPr marL="365125">
                        <a:lnSpc>
                          <a:spcPct val="100000"/>
                        </a:lnSpc>
                        <a:spcBef>
                          <a:spcPts val="265"/>
                        </a:spcBef>
                        <a:tabLst>
                          <a:tab pos="1543685" algn="l"/>
                          <a:tab pos="2383155" algn="l"/>
                          <a:tab pos="2679065" algn="l"/>
                          <a:tab pos="3856990" algn="l"/>
                        </a:tabLst>
                      </a:pPr>
                      <a:r>
                        <a:rPr sz="800" spc="-50" dirty="0">
                          <a:latin typeface="メイリオ"/>
                          <a:cs typeface="メイリオ"/>
                        </a:rPr>
                        <a:t>（</a:t>
                      </a:r>
                      <a:r>
                        <a:rPr sz="800" spc="-40" dirty="0">
                          <a:latin typeface="メイリオ"/>
                          <a:cs typeface="メイリオ"/>
                        </a:rPr>
                        <a:t>提案</a:t>
                      </a:r>
                      <a:r>
                        <a:rPr sz="800" spc="-50" dirty="0">
                          <a:latin typeface="メイリオ"/>
                          <a:cs typeface="メイリオ"/>
                        </a:rPr>
                        <a:t>者</a:t>
                      </a:r>
                      <a:r>
                        <a:rPr sz="800" spc="-40" dirty="0">
                          <a:latin typeface="メイリオ"/>
                          <a:cs typeface="メイリオ"/>
                        </a:rPr>
                        <a:t>試算</a:t>
                      </a:r>
                      <a:r>
                        <a:rPr sz="800" spc="-50" dirty="0">
                          <a:latin typeface="メイリオ"/>
                          <a:cs typeface="メイリオ"/>
                        </a:rPr>
                        <a:t>）</a:t>
                      </a:r>
                      <a:r>
                        <a:rPr sz="800" dirty="0">
                          <a:latin typeface="メイリオ"/>
                          <a:cs typeface="メイリオ"/>
                        </a:rPr>
                        <a:t>	</a:t>
                      </a:r>
                      <a:r>
                        <a:rPr sz="800" spc="-10" dirty="0">
                          <a:latin typeface="メイリオ"/>
                          <a:cs typeface="メイリオ"/>
                        </a:rPr>
                        <a:t>VFM3.4％</a:t>
                      </a:r>
                      <a:r>
                        <a:rPr sz="800" dirty="0">
                          <a:latin typeface="メイリオ"/>
                          <a:cs typeface="メイリオ"/>
                        </a:rPr>
                        <a:t>	</a:t>
                      </a:r>
                      <a:r>
                        <a:rPr sz="800" spc="-50" dirty="0">
                          <a:latin typeface="メイリオ"/>
                          <a:cs typeface="メイリオ"/>
                        </a:rPr>
                        <a:t>→</a:t>
                      </a:r>
                      <a:r>
                        <a:rPr sz="800" dirty="0">
                          <a:latin typeface="メイリオ"/>
                          <a:cs typeface="メイリオ"/>
                        </a:rPr>
                        <a:t>	</a:t>
                      </a:r>
                      <a:r>
                        <a:rPr sz="800" spc="-50" dirty="0">
                          <a:latin typeface="メイリオ"/>
                          <a:cs typeface="メイリオ"/>
                        </a:rPr>
                        <a:t>（</a:t>
                      </a:r>
                      <a:r>
                        <a:rPr sz="800" spc="-40" dirty="0">
                          <a:latin typeface="メイリオ"/>
                          <a:cs typeface="メイリオ"/>
                        </a:rPr>
                        <a:t>事務局</a:t>
                      </a:r>
                      <a:r>
                        <a:rPr sz="800" spc="-50" dirty="0">
                          <a:latin typeface="メイリオ"/>
                          <a:cs typeface="メイリオ"/>
                        </a:rPr>
                        <a:t>精</a:t>
                      </a:r>
                      <a:r>
                        <a:rPr sz="800" spc="-40" dirty="0">
                          <a:latin typeface="メイリオ"/>
                          <a:cs typeface="メイリオ"/>
                        </a:rPr>
                        <a:t>査</a:t>
                      </a:r>
                      <a:r>
                        <a:rPr sz="800" spc="-50" dirty="0">
                          <a:latin typeface="メイリオ"/>
                          <a:cs typeface="メイリオ"/>
                        </a:rPr>
                        <a:t>）</a:t>
                      </a:r>
                      <a:r>
                        <a:rPr sz="800" dirty="0">
                          <a:latin typeface="メイリオ"/>
                          <a:cs typeface="メイリオ"/>
                        </a:rPr>
                        <a:t>	</a:t>
                      </a:r>
                      <a:r>
                        <a:rPr sz="800" spc="-10" dirty="0">
                          <a:latin typeface="メイリオ"/>
                          <a:cs typeface="メイリオ"/>
                        </a:rPr>
                        <a:t>VFM1.9％</a:t>
                      </a:r>
                      <a:endParaRPr sz="800">
                        <a:latin typeface="メイリオ"/>
                        <a:cs typeface="メイリオ"/>
                      </a:endParaRPr>
                    </a:p>
                    <a:p>
                      <a:pPr marL="337820">
                        <a:lnSpc>
                          <a:spcPct val="100000"/>
                        </a:lnSpc>
                        <a:spcBef>
                          <a:spcPts val="254"/>
                        </a:spcBef>
                      </a:pPr>
                      <a:r>
                        <a:rPr sz="800" spc="-50" dirty="0">
                          <a:latin typeface="メイリオ"/>
                          <a:cs typeface="メイリオ"/>
                        </a:rPr>
                        <a:t>ただし、精度の⾼いコスト⽐較には、</a:t>
                      </a:r>
                      <a:r>
                        <a:rPr sz="800" spc="-50" dirty="0">
                          <a:solidFill>
                            <a:srgbClr val="FF0000"/>
                          </a:solidFill>
                          <a:latin typeface="メイリオ"/>
                          <a:cs typeface="メイリオ"/>
                        </a:rPr>
                        <a:t>さらなる調査・検討が必要である</a:t>
                      </a:r>
                      <a:r>
                        <a:rPr sz="800" spc="-50" dirty="0">
                          <a:latin typeface="メイリオ"/>
                          <a:cs typeface="メイリオ"/>
                        </a:rPr>
                        <a:t>。</a:t>
                      </a:r>
                      <a:endParaRPr sz="800">
                        <a:latin typeface="メイリオ"/>
                        <a:cs typeface="メイリオ"/>
                      </a:endParaRPr>
                    </a:p>
                  </a:txBody>
                  <a:tcPr marL="0" marR="0" marT="6149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a:lnSpc>
                          <a:spcPct val="100000"/>
                        </a:lnSpc>
                      </a:pPr>
                      <a:endParaRPr sz="1300">
                        <a:latin typeface="Times New Roman"/>
                        <a:cs typeface="Times New Roman"/>
                      </a:endParaRPr>
                    </a:p>
                    <a:p>
                      <a:pPr>
                        <a:lnSpc>
                          <a:spcPct val="100000"/>
                        </a:lnSpc>
                      </a:pPr>
                      <a:endParaRPr sz="1300">
                        <a:latin typeface="Times New Roman"/>
                        <a:cs typeface="Times New Roman"/>
                      </a:endParaRPr>
                    </a:p>
                    <a:p>
                      <a:pPr marL="74295">
                        <a:lnSpc>
                          <a:spcPct val="100000"/>
                        </a:lnSpc>
                        <a:spcBef>
                          <a:spcPts val="1450"/>
                        </a:spcBef>
                      </a:pPr>
                      <a:r>
                        <a:rPr sz="1300" b="1" dirty="0">
                          <a:latin typeface="HGPｺﾞｼｯｸM"/>
                          <a:cs typeface="HGPｺﾞｼｯｸM"/>
                        </a:rPr>
                        <a:t>○</a:t>
                      </a:r>
                      <a:endParaRPr sz="1300">
                        <a:latin typeface="HGPｺﾞｼｯｸM"/>
                        <a:cs typeface="HGPｺﾞｼｯｸM"/>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3"/>
                  </a:ext>
                </a:extLst>
              </a:tr>
              <a:tr h="949695">
                <a:tc>
                  <a:txBody>
                    <a:bodyPr/>
                    <a:lstStyle/>
                    <a:p>
                      <a:pPr marL="233045" marR="62230" indent="-165100">
                        <a:lnSpc>
                          <a:spcPct val="118300"/>
                        </a:lnSpc>
                        <a:spcBef>
                          <a:spcPts val="490"/>
                        </a:spcBef>
                      </a:pPr>
                      <a:r>
                        <a:rPr sz="800" spc="70" dirty="0">
                          <a:latin typeface="メイリオ"/>
                          <a:cs typeface="メイリオ"/>
                        </a:rPr>
                        <a:t>④財政に及ぼ</a:t>
                      </a:r>
                      <a:r>
                        <a:rPr sz="800" spc="45" dirty="0">
                          <a:latin typeface="メイリオ"/>
                          <a:cs typeface="メイリオ"/>
                        </a:rPr>
                        <a:t>す影響</a:t>
                      </a:r>
                      <a:endParaRPr sz="800">
                        <a:latin typeface="メイリオ"/>
                        <a:cs typeface="メイリオ"/>
                      </a:endParaRPr>
                    </a:p>
                  </a:txBody>
                  <a:tcPr marL="0" marR="0" marT="3991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marL="71120">
                        <a:lnSpc>
                          <a:spcPct val="100000"/>
                        </a:lnSpc>
                        <a:spcBef>
                          <a:spcPts val="755"/>
                        </a:spcBef>
                      </a:pPr>
                      <a:r>
                        <a:rPr sz="800" b="1" spc="-100" dirty="0">
                          <a:latin typeface="メイリオ"/>
                          <a:cs typeface="メイリオ"/>
                        </a:rPr>
                        <a:t>【審査の視点】</a:t>
                      </a:r>
                      <a:endParaRPr sz="800">
                        <a:latin typeface="メイリオ"/>
                        <a:cs typeface="メイリオ"/>
                      </a:endParaRPr>
                    </a:p>
                    <a:p>
                      <a:pPr marL="205104">
                        <a:lnSpc>
                          <a:spcPct val="100000"/>
                        </a:lnSpc>
                        <a:spcBef>
                          <a:spcPts val="265"/>
                        </a:spcBef>
                        <a:tabLst>
                          <a:tab pos="1741805" algn="l"/>
                        </a:tabLst>
                      </a:pPr>
                      <a:r>
                        <a:rPr sz="800" spc="-100" dirty="0">
                          <a:latin typeface="メイリオ"/>
                          <a:cs typeface="メイリオ"/>
                        </a:rPr>
                        <a:t>・財政</a:t>
                      </a:r>
                      <a:r>
                        <a:rPr sz="800" spc="-110" dirty="0">
                          <a:latin typeface="メイリオ"/>
                          <a:cs typeface="メイリオ"/>
                        </a:rPr>
                        <a:t>負</a:t>
                      </a:r>
                      <a:r>
                        <a:rPr sz="800" spc="-100" dirty="0">
                          <a:latin typeface="メイリオ"/>
                          <a:cs typeface="メイリオ"/>
                        </a:rPr>
                        <a:t>担の</a:t>
                      </a:r>
                      <a:r>
                        <a:rPr sz="800" spc="-110" dirty="0">
                          <a:latin typeface="メイリオ"/>
                          <a:cs typeface="メイリオ"/>
                        </a:rPr>
                        <a:t>合</a:t>
                      </a:r>
                      <a:r>
                        <a:rPr sz="800" spc="-100" dirty="0">
                          <a:latin typeface="メイリオ"/>
                          <a:cs typeface="メイリオ"/>
                        </a:rPr>
                        <a:t>理</a:t>
                      </a:r>
                      <a:r>
                        <a:rPr sz="800" spc="-50" dirty="0">
                          <a:latin typeface="メイリオ"/>
                          <a:cs typeface="メイリオ"/>
                        </a:rPr>
                        <a:t>性</a:t>
                      </a:r>
                      <a:r>
                        <a:rPr sz="800" dirty="0">
                          <a:latin typeface="メイリオ"/>
                          <a:cs typeface="メイリオ"/>
                        </a:rPr>
                        <a:t>	</a:t>
                      </a:r>
                      <a:r>
                        <a:rPr sz="800" spc="-100" dirty="0">
                          <a:latin typeface="メイリオ"/>
                          <a:cs typeface="メイリオ"/>
                        </a:rPr>
                        <a:t>・財源</a:t>
                      </a:r>
                      <a:r>
                        <a:rPr sz="800" spc="-110" dirty="0">
                          <a:latin typeface="メイリオ"/>
                          <a:cs typeface="メイリオ"/>
                        </a:rPr>
                        <a:t>確</a:t>
                      </a:r>
                      <a:r>
                        <a:rPr sz="800" spc="-100" dirty="0">
                          <a:latin typeface="メイリオ"/>
                          <a:cs typeface="メイリオ"/>
                        </a:rPr>
                        <a:t>保の</a:t>
                      </a:r>
                      <a:r>
                        <a:rPr sz="800" spc="-110" dirty="0">
                          <a:latin typeface="メイリオ"/>
                          <a:cs typeface="メイリオ"/>
                        </a:rPr>
                        <a:t>確</a:t>
                      </a:r>
                      <a:r>
                        <a:rPr sz="800" spc="-100" dirty="0">
                          <a:latin typeface="メイリオ"/>
                          <a:cs typeface="メイリオ"/>
                        </a:rPr>
                        <a:t>実</a:t>
                      </a:r>
                      <a:r>
                        <a:rPr sz="800" dirty="0">
                          <a:latin typeface="メイリオ"/>
                          <a:cs typeface="メイリオ"/>
                        </a:rPr>
                        <a:t>性</a:t>
                      </a:r>
                      <a:r>
                        <a:rPr sz="800" spc="85" dirty="0">
                          <a:latin typeface="メイリオ"/>
                          <a:cs typeface="メイリオ"/>
                        </a:rPr>
                        <a:t>  </a:t>
                      </a:r>
                      <a:r>
                        <a:rPr sz="800" spc="-50" dirty="0">
                          <a:latin typeface="メイリオ"/>
                          <a:cs typeface="メイリオ"/>
                        </a:rPr>
                        <a:t>等</a:t>
                      </a:r>
                      <a:endParaRPr sz="800">
                        <a:latin typeface="メイリオ"/>
                        <a:cs typeface="メイリオ"/>
                      </a:endParaRPr>
                    </a:p>
                    <a:p>
                      <a:pPr marL="71120">
                        <a:lnSpc>
                          <a:spcPct val="100000"/>
                        </a:lnSpc>
                        <a:spcBef>
                          <a:spcPts val="250"/>
                        </a:spcBef>
                      </a:pPr>
                      <a:r>
                        <a:rPr sz="800" b="1" spc="70" dirty="0">
                          <a:latin typeface="メイリオ"/>
                          <a:cs typeface="メイリオ"/>
                        </a:rPr>
                        <a:t>【審査結果】</a:t>
                      </a:r>
                      <a:endParaRPr sz="800">
                        <a:latin typeface="メイリオ"/>
                        <a:cs typeface="メイリオ"/>
                      </a:endParaRPr>
                    </a:p>
                    <a:p>
                      <a:pPr marL="351790" marR="191770" indent="-146685" algn="just">
                        <a:lnSpc>
                          <a:spcPct val="117900"/>
                        </a:lnSpc>
                        <a:spcBef>
                          <a:spcPts val="5"/>
                        </a:spcBef>
                      </a:pPr>
                      <a:r>
                        <a:rPr sz="800" spc="-90" dirty="0">
                          <a:latin typeface="メイリオ"/>
                          <a:cs typeface="メイリオ"/>
                        </a:rPr>
                        <a:t>・包括管理事業では、修繕等の内容・事業費の決定プロセスが現時点で明確になっていない。さらに、交付⾦確保の状況によっては、市の財政負担が</a:t>
                      </a:r>
                      <a:r>
                        <a:rPr sz="800" spc="-50" dirty="0">
                          <a:latin typeface="メイリオ"/>
                          <a:cs typeface="メイリオ"/>
                        </a:rPr>
                        <a:t>増加する可能性もあることから、</a:t>
                      </a:r>
                      <a:r>
                        <a:rPr sz="800" spc="-50" dirty="0">
                          <a:solidFill>
                            <a:srgbClr val="FF0000"/>
                          </a:solidFill>
                          <a:latin typeface="メイリオ"/>
                          <a:cs typeface="メイリオ"/>
                        </a:rPr>
                        <a:t>さらなる調査・検討が必要である</a:t>
                      </a:r>
                      <a:r>
                        <a:rPr sz="800" spc="-50" dirty="0">
                          <a:latin typeface="メイリオ"/>
                          <a:cs typeface="メイリオ"/>
                        </a:rPr>
                        <a:t>。</a:t>
                      </a:r>
                      <a:endParaRPr sz="800">
                        <a:latin typeface="メイリオ"/>
                        <a:cs typeface="メイリオ"/>
                      </a:endParaRPr>
                    </a:p>
                  </a:txBody>
                  <a:tcPr marL="0" marR="0" marT="6149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a:lnSpc>
                          <a:spcPct val="100000"/>
                        </a:lnSpc>
                      </a:pPr>
                      <a:endParaRPr sz="1300">
                        <a:latin typeface="Times New Roman"/>
                        <a:cs typeface="Times New Roman"/>
                      </a:endParaRPr>
                    </a:p>
                    <a:p>
                      <a:pPr>
                        <a:lnSpc>
                          <a:spcPct val="100000"/>
                        </a:lnSpc>
                        <a:spcBef>
                          <a:spcPts val="45"/>
                        </a:spcBef>
                      </a:pPr>
                      <a:endParaRPr sz="1100">
                        <a:latin typeface="Times New Roman"/>
                        <a:cs typeface="Times New Roman"/>
                      </a:endParaRPr>
                    </a:p>
                    <a:p>
                      <a:pPr marL="74295">
                        <a:lnSpc>
                          <a:spcPct val="100000"/>
                        </a:lnSpc>
                      </a:pPr>
                      <a:r>
                        <a:rPr sz="1300" b="1" dirty="0">
                          <a:latin typeface="HGPｺﾞｼｯｸM"/>
                          <a:cs typeface="HGPｺﾞｼｯｸM"/>
                        </a:rPr>
                        <a:t>○</a:t>
                      </a:r>
                      <a:endParaRPr sz="1300">
                        <a:latin typeface="HGPｺﾞｼｯｸM"/>
                        <a:cs typeface="HGPｺﾞｼｯｸM"/>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4"/>
                  </a:ext>
                </a:extLst>
              </a:tr>
            </a:tbl>
          </a:graphicData>
        </a:graphic>
      </p:graphicFrame>
      <p:graphicFrame>
        <p:nvGraphicFramePr>
          <p:cNvPr id="4" name="object 4"/>
          <p:cNvGraphicFramePr>
            <a:graphicFrameLocks noGrp="1"/>
          </p:cNvGraphicFramePr>
          <p:nvPr/>
        </p:nvGraphicFramePr>
        <p:xfrm>
          <a:off x="6207910" y="820011"/>
          <a:ext cx="4445889" cy="4266598"/>
        </p:xfrm>
        <a:graphic>
          <a:graphicData uri="http://schemas.openxmlformats.org/drawingml/2006/table">
            <a:tbl>
              <a:tblPr firstRow="1" bandRow="1">
                <a:tableStyleId>{2D5ABB26-0587-4C30-8999-92F81FD0307C}</a:tableStyleId>
              </a:tblPr>
              <a:tblGrid>
                <a:gridCol w="715529">
                  <a:extLst>
                    <a:ext uri="{9D8B030D-6E8A-4147-A177-3AD203B41FA5}">
                      <a16:colId xmlns:a16="http://schemas.microsoft.com/office/drawing/2014/main" val="20000"/>
                    </a:ext>
                  </a:extLst>
                </a:gridCol>
                <a:gridCol w="3441624">
                  <a:extLst>
                    <a:ext uri="{9D8B030D-6E8A-4147-A177-3AD203B41FA5}">
                      <a16:colId xmlns:a16="http://schemas.microsoft.com/office/drawing/2014/main" val="20001"/>
                    </a:ext>
                  </a:extLst>
                </a:gridCol>
                <a:gridCol w="288736">
                  <a:extLst>
                    <a:ext uri="{9D8B030D-6E8A-4147-A177-3AD203B41FA5}">
                      <a16:colId xmlns:a16="http://schemas.microsoft.com/office/drawing/2014/main" val="20002"/>
                    </a:ext>
                  </a:extLst>
                </a:gridCol>
              </a:tblGrid>
              <a:tr h="189369">
                <a:tc>
                  <a:txBody>
                    <a:bodyPr/>
                    <a:lstStyle/>
                    <a:p>
                      <a:pPr marL="226695">
                        <a:lnSpc>
                          <a:spcPct val="100000"/>
                        </a:lnSpc>
                        <a:spcBef>
                          <a:spcPts val="420"/>
                        </a:spcBef>
                      </a:pPr>
                      <a:r>
                        <a:rPr sz="800" spc="55" dirty="0">
                          <a:latin typeface="メイリオ"/>
                          <a:cs typeface="メイリオ"/>
                        </a:rPr>
                        <a:t>審査項目</a:t>
                      </a:r>
                      <a:endParaRPr sz="800">
                        <a:latin typeface="メイリオ"/>
                        <a:cs typeface="メイリオ"/>
                      </a:endParaRPr>
                    </a:p>
                  </a:txBody>
                  <a:tcPr marL="0" marR="0" marT="34209"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8CB2E1"/>
                    </a:solidFill>
                  </a:tcPr>
                </a:tc>
                <a:tc gridSpan="2">
                  <a:txBody>
                    <a:bodyPr/>
                    <a:lstStyle/>
                    <a:p>
                      <a:pPr marR="4445" algn="ctr">
                        <a:lnSpc>
                          <a:spcPct val="100000"/>
                        </a:lnSpc>
                        <a:spcBef>
                          <a:spcPts val="420"/>
                        </a:spcBef>
                      </a:pPr>
                      <a:r>
                        <a:rPr sz="800" spc="60" dirty="0">
                          <a:latin typeface="メイリオ"/>
                          <a:cs typeface="メイリオ"/>
                        </a:rPr>
                        <a:t>評価の視点/評価結果</a:t>
                      </a:r>
                      <a:endParaRPr sz="800">
                        <a:latin typeface="メイリオ"/>
                        <a:cs typeface="メイリオ"/>
                      </a:endParaRPr>
                    </a:p>
                  </a:txBody>
                  <a:tcPr marL="0" marR="0" marT="34209"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8CB2E1"/>
                    </a:solidFill>
                  </a:tcPr>
                </a:tc>
                <a:tc hMerge="1">
                  <a:txBody>
                    <a:bodyPr/>
                    <a:lstStyle/>
                    <a:p>
                      <a:endParaRPr/>
                    </a:p>
                  </a:txBody>
                  <a:tcPr marL="0" marR="0" marT="0" marB="0"/>
                </a:tc>
                <a:extLst>
                  <a:ext uri="{0D108BD9-81ED-4DB2-BD59-A6C34878D82A}">
                    <a16:rowId xmlns:a16="http://schemas.microsoft.com/office/drawing/2014/main" val="10000"/>
                  </a:ext>
                </a:extLst>
              </a:tr>
              <a:tr h="1087750">
                <a:tc>
                  <a:txBody>
                    <a:bodyPr/>
                    <a:lstStyle/>
                    <a:p>
                      <a:pPr marL="233045" marR="112395" indent="-165100" algn="just">
                        <a:lnSpc>
                          <a:spcPct val="117800"/>
                        </a:lnSpc>
                        <a:spcBef>
                          <a:spcPts val="500"/>
                        </a:spcBef>
                      </a:pPr>
                      <a:r>
                        <a:rPr sz="800" dirty="0">
                          <a:latin typeface="メイリオ"/>
                          <a:cs typeface="メイリオ"/>
                        </a:rPr>
                        <a:t>⑤他の手法に</a:t>
                      </a:r>
                      <a:r>
                        <a:rPr sz="800" spc="-10" dirty="0">
                          <a:latin typeface="メイリオ"/>
                          <a:cs typeface="メイリオ"/>
                        </a:rPr>
                        <a:t>よる当該公共施設等の整備等の可</a:t>
                      </a:r>
                      <a:r>
                        <a:rPr sz="800" spc="-25" dirty="0">
                          <a:latin typeface="メイリオ"/>
                          <a:cs typeface="メイリオ"/>
                        </a:rPr>
                        <a:t>能性</a:t>
                      </a:r>
                      <a:endParaRPr sz="800">
                        <a:latin typeface="メイリオ"/>
                        <a:cs typeface="メイリオ"/>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marL="71120">
                        <a:lnSpc>
                          <a:spcPct val="100000"/>
                        </a:lnSpc>
                        <a:spcBef>
                          <a:spcPts val="755"/>
                        </a:spcBef>
                      </a:pPr>
                      <a:r>
                        <a:rPr sz="800" b="1" spc="-100" dirty="0">
                          <a:latin typeface="メイリオ"/>
                          <a:cs typeface="メイリオ"/>
                        </a:rPr>
                        <a:t>【審査の視点】</a:t>
                      </a:r>
                      <a:endParaRPr sz="800">
                        <a:latin typeface="メイリオ"/>
                        <a:cs typeface="メイリオ"/>
                      </a:endParaRPr>
                    </a:p>
                    <a:p>
                      <a:pPr marL="205104">
                        <a:lnSpc>
                          <a:spcPct val="100000"/>
                        </a:lnSpc>
                        <a:spcBef>
                          <a:spcPts val="250"/>
                        </a:spcBef>
                      </a:pPr>
                      <a:r>
                        <a:rPr sz="800" spc="-85" dirty="0">
                          <a:latin typeface="メイリオ"/>
                          <a:cs typeface="メイリオ"/>
                        </a:rPr>
                        <a:t>・事業スキームの妥当性・合理性  等</a:t>
                      </a:r>
                      <a:endParaRPr sz="800">
                        <a:latin typeface="メイリオ"/>
                        <a:cs typeface="メイリオ"/>
                      </a:endParaRPr>
                    </a:p>
                    <a:p>
                      <a:pPr marL="71120">
                        <a:lnSpc>
                          <a:spcPct val="100000"/>
                        </a:lnSpc>
                        <a:spcBef>
                          <a:spcPts val="265"/>
                        </a:spcBef>
                      </a:pPr>
                      <a:r>
                        <a:rPr sz="800" b="1" spc="70" dirty="0">
                          <a:latin typeface="メイリオ"/>
                          <a:cs typeface="メイリオ"/>
                        </a:rPr>
                        <a:t>【審査結果】</a:t>
                      </a:r>
                      <a:endParaRPr sz="800">
                        <a:latin typeface="メイリオ"/>
                        <a:cs typeface="メイリオ"/>
                      </a:endParaRPr>
                    </a:p>
                    <a:p>
                      <a:pPr marL="351790" marR="191770" indent="-146685" algn="just">
                        <a:lnSpc>
                          <a:spcPct val="118100"/>
                        </a:lnSpc>
                        <a:spcBef>
                          <a:spcPts val="5"/>
                        </a:spcBef>
                      </a:pPr>
                      <a:r>
                        <a:rPr sz="800" spc="-85" dirty="0">
                          <a:latin typeface="メイリオ"/>
                          <a:cs typeface="メイリオ"/>
                        </a:rPr>
                        <a:t>・神通⼤橋の更新事業では、更新の工法や方式が未定であり、更新後の維持</a:t>
                      </a:r>
                      <a:r>
                        <a:rPr sz="800" spc="-80" dirty="0">
                          <a:latin typeface="メイリオ"/>
                          <a:cs typeface="メイリオ"/>
                        </a:rPr>
                        <a:t>管理業務の包括化の要否等、他の事業スキームとの⽐較を⾏う上では、不</a:t>
                      </a:r>
                      <a:r>
                        <a:rPr sz="800" spc="-85" dirty="0">
                          <a:latin typeface="メイリオ"/>
                          <a:cs typeface="メイリオ"/>
                        </a:rPr>
                        <a:t>確定要素もあることから、</a:t>
                      </a:r>
                      <a:r>
                        <a:rPr sz="800" spc="-50" dirty="0">
                          <a:solidFill>
                            <a:srgbClr val="FF0000"/>
                          </a:solidFill>
                          <a:latin typeface="メイリオ"/>
                          <a:cs typeface="メイリオ"/>
                        </a:rPr>
                        <a:t>現時点で提案された事業スキームが最適であるか否かの判断はできない</a:t>
                      </a:r>
                      <a:r>
                        <a:rPr sz="800" spc="-50" dirty="0">
                          <a:latin typeface="メイリオ"/>
                          <a:cs typeface="メイリオ"/>
                        </a:rPr>
                        <a:t>。</a:t>
                      </a:r>
                      <a:endParaRPr sz="800">
                        <a:latin typeface="メイリオ"/>
                        <a:cs typeface="メイリオ"/>
                      </a:endParaRPr>
                    </a:p>
                  </a:txBody>
                  <a:tcPr marL="0" marR="0" marT="6149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a:lnSpc>
                          <a:spcPct val="100000"/>
                        </a:lnSpc>
                      </a:pPr>
                      <a:endParaRPr sz="1300">
                        <a:latin typeface="Times New Roman"/>
                        <a:cs typeface="Times New Roman"/>
                      </a:endParaRPr>
                    </a:p>
                    <a:p>
                      <a:pPr>
                        <a:lnSpc>
                          <a:spcPct val="100000"/>
                        </a:lnSpc>
                        <a:spcBef>
                          <a:spcPts val="25"/>
                        </a:spcBef>
                      </a:pPr>
                      <a:endParaRPr sz="1600">
                        <a:latin typeface="Times New Roman"/>
                        <a:cs typeface="Times New Roman"/>
                      </a:endParaRPr>
                    </a:p>
                    <a:p>
                      <a:pPr marL="74295">
                        <a:lnSpc>
                          <a:spcPct val="100000"/>
                        </a:lnSpc>
                      </a:pPr>
                      <a:r>
                        <a:rPr sz="1300" b="1" dirty="0">
                          <a:latin typeface="HGPｺﾞｼｯｸM"/>
                          <a:cs typeface="HGPｺﾞｼｯｸM"/>
                        </a:rPr>
                        <a:t>－</a:t>
                      </a:r>
                      <a:endParaRPr sz="1300">
                        <a:latin typeface="HGPｺﾞｼｯｸM"/>
                        <a:cs typeface="HGPｺﾞｼｯｸM"/>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1"/>
                  </a:ext>
                </a:extLst>
              </a:tr>
              <a:tr h="1781695">
                <a:tc>
                  <a:txBody>
                    <a:bodyPr/>
                    <a:lstStyle/>
                    <a:p>
                      <a:pPr marL="67945">
                        <a:lnSpc>
                          <a:spcPct val="100000"/>
                        </a:lnSpc>
                        <a:spcBef>
                          <a:spcPts val="755"/>
                        </a:spcBef>
                      </a:pPr>
                      <a:r>
                        <a:rPr sz="800" spc="55" dirty="0">
                          <a:latin typeface="メイリオ"/>
                          <a:cs typeface="メイリオ"/>
                        </a:rPr>
                        <a:t>⑥その他</a:t>
                      </a:r>
                      <a:endParaRPr sz="800">
                        <a:latin typeface="メイリオ"/>
                        <a:cs typeface="メイリオ"/>
                      </a:endParaRPr>
                    </a:p>
                  </a:txBody>
                  <a:tcPr marL="0" marR="0" marT="6149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marL="71120">
                        <a:lnSpc>
                          <a:spcPct val="100000"/>
                        </a:lnSpc>
                        <a:spcBef>
                          <a:spcPts val="755"/>
                        </a:spcBef>
                      </a:pPr>
                      <a:r>
                        <a:rPr sz="800" b="1" spc="-100" dirty="0">
                          <a:latin typeface="メイリオ"/>
                          <a:cs typeface="メイリオ"/>
                        </a:rPr>
                        <a:t>【審査の視点】</a:t>
                      </a:r>
                      <a:endParaRPr sz="800">
                        <a:latin typeface="メイリオ"/>
                        <a:cs typeface="メイリオ"/>
                      </a:endParaRPr>
                    </a:p>
                    <a:p>
                      <a:pPr marL="205104">
                        <a:lnSpc>
                          <a:spcPct val="100000"/>
                        </a:lnSpc>
                        <a:spcBef>
                          <a:spcPts val="265"/>
                        </a:spcBef>
                        <a:tabLst>
                          <a:tab pos="1881505" algn="l"/>
                        </a:tabLst>
                      </a:pPr>
                      <a:r>
                        <a:rPr sz="800" spc="-100" dirty="0">
                          <a:latin typeface="メイリオ"/>
                          <a:cs typeface="メイリオ"/>
                        </a:rPr>
                        <a:t>・地域</a:t>
                      </a:r>
                      <a:r>
                        <a:rPr sz="800" spc="-110" dirty="0">
                          <a:latin typeface="メイリオ"/>
                          <a:cs typeface="メイリオ"/>
                        </a:rPr>
                        <a:t>活</a:t>
                      </a:r>
                      <a:r>
                        <a:rPr sz="800" spc="-100" dirty="0">
                          <a:latin typeface="メイリオ"/>
                          <a:cs typeface="メイリオ"/>
                        </a:rPr>
                        <a:t>性化</a:t>
                      </a:r>
                      <a:r>
                        <a:rPr sz="800" spc="-110" dirty="0">
                          <a:latin typeface="メイリオ"/>
                          <a:cs typeface="メイリオ"/>
                        </a:rPr>
                        <a:t>へ</a:t>
                      </a:r>
                      <a:r>
                        <a:rPr sz="800" spc="-100" dirty="0">
                          <a:latin typeface="メイリオ"/>
                          <a:cs typeface="メイリオ"/>
                        </a:rPr>
                        <a:t>の寄</a:t>
                      </a:r>
                      <a:r>
                        <a:rPr sz="800" spc="-50" dirty="0">
                          <a:latin typeface="メイリオ"/>
                          <a:cs typeface="メイリオ"/>
                        </a:rPr>
                        <a:t>与</a:t>
                      </a:r>
                      <a:r>
                        <a:rPr sz="800" dirty="0">
                          <a:latin typeface="メイリオ"/>
                          <a:cs typeface="メイリオ"/>
                        </a:rPr>
                        <a:t>	</a:t>
                      </a:r>
                      <a:r>
                        <a:rPr sz="800" spc="-100" dirty="0">
                          <a:latin typeface="メイリオ"/>
                          <a:cs typeface="メイリオ"/>
                        </a:rPr>
                        <a:t>・フ</a:t>
                      </a:r>
                      <a:r>
                        <a:rPr sz="800" spc="-110" dirty="0">
                          <a:latin typeface="メイリオ"/>
                          <a:cs typeface="メイリオ"/>
                        </a:rPr>
                        <a:t>ァ</a:t>
                      </a:r>
                      <a:r>
                        <a:rPr sz="800" spc="-100" dirty="0">
                          <a:latin typeface="メイリオ"/>
                          <a:cs typeface="メイリオ"/>
                        </a:rPr>
                        <a:t>シリ</a:t>
                      </a:r>
                      <a:r>
                        <a:rPr sz="800" spc="-110" dirty="0">
                          <a:latin typeface="メイリオ"/>
                          <a:cs typeface="メイリオ"/>
                        </a:rPr>
                        <a:t>テ</a:t>
                      </a:r>
                      <a:r>
                        <a:rPr sz="800" spc="-100" dirty="0">
                          <a:latin typeface="メイリオ"/>
                          <a:cs typeface="メイリオ"/>
                        </a:rPr>
                        <a:t>ィマ</a:t>
                      </a:r>
                      <a:r>
                        <a:rPr sz="800" spc="-110" dirty="0">
                          <a:latin typeface="メイリオ"/>
                          <a:cs typeface="メイリオ"/>
                        </a:rPr>
                        <a:t>ネジ</a:t>
                      </a:r>
                      <a:r>
                        <a:rPr sz="800" spc="-100" dirty="0">
                          <a:latin typeface="メイリオ"/>
                          <a:cs typeface="メイリオ"/>
                        </a:rPr>
                        <a:t>メント</a:t>
                      </a:r>
                      <a:r>
                        <a:rPr sz="800" spc="-110" dirty="0">
                          <a:latin typeface="メイリオ"/>
                          <a:cs typeface="メイリオ"/>
                        </a:rPr>
                        <a:t>の</a:t>
                      </a:r>
                      <a:r>
                        <a:rPr sz="800" spc="-100" dirty="0">
                          <a:latin typeface="メイリオ"/>
                          <a:cs typeface="メイリオ"/>
                        </a:rPr>
                        <a:t>方向</a:t>
                      </a:r>
                      <a:r>
                        <a:rPr sz="800" dirty="0">
                          <a:latin typeface="メイリオ"/>
                          <a:cs typeface="メイリオ"/>
                        </a:rPr>
                        <a:t>性</a:t>
                      </a:r>
                      <a:r>
                        <a:rPr sz="800" spc="85" dirty="0">
                          <a:latin typeface="メイリオ"/>
                          <a:cs typeface="メイリオ"/>
                        </a:rPr>
                        <a:t>  </a:t>
                      </a:r>
                      <a:r>
                        <a:rPr sz="800" spc="-50" dirty="0">
                          <a:latin typeface="メイリオ"/>
                          <a:cs typeface="メイリオ"/>
                        </a:rPr>
                        <a:t>等</a:t>
                      </a:r>
                      <a:endParaRPr sz="800">
                        <a:latin typeface="メイリオ"/>
                        <a:cs typeface="メイリオ"/>
                      </a:endParaRPr>
                    </a:p>
                    <a:p>
                      <a:pPr marL="71120">
                        <a:lnSpc>
                          <a:spcPct val="100000"/>
                        </a:lnSpc>
                        <a:spcBef>
                          <a:spcPts val="265"/>
                        </a:spcBef>
                      </a:pPr>
                      <a:r>
                        <a:rPr sz="800" b="1" spc="70" dirty="0">
                          <a:latin typeface="メイリオ"/>
                          <a:cs typeface="メイリオ"/>
                        </a:rPr>
                        <a:t>【審査結果】</a:t>
                      </a:r>
                      <a:endParaRPr sz="800">
                        <a:latin typeface="メイリオ"/>
                        <a:cs typeface="メイリオ"/>
                      </a:endParaRPr>
                    </a:p>
                    <a:p>
                      <a:pPr marL="351790" marR="191770" indent="-146685" algn="just">
                        <a:lnSpc>
                          <a:spcPts val="1700"/>
                        </a:lnSpc>
                        <a:spcBef>
                          <a:spcPts val="90"/>
                        </a:spcBef>
                      </a:pPr>
                      <a:r>
                        <a:rPr sz="800" spc="-100" dirty="0">
                          <a:latin typeface="メイリオ"/>
                          <a:cs typeface="メイリオ"/>
                        </a:rPr>
                        <a:t>・「技術の移転と技術者の育成」といった「地元企業の事業参画」が提案さ</a:t>
                      </a:r>
                      <a:r>
                        <a:rPr sz="800" spc="-80" dirty="0">
                          <a:latin typeface="メイリオ"/>
                          <a:cs typeface="メイリオ"/>
                        </a:rPr>
                        <a:t>れている点は評価できるが、具体的な方策が示されておらず、妥当性が確</a:t>
                      </a:r>
                      <a:r>
                        <a:rPr sz="800" spc="-50" dirty="0">
                          <a:latin typeface="メイリオ"/>
                          <a:cs typeface="メイリオ"/>
                        </a:rPr>
                        <a:t>認できない。</a:t>
                      </a:r>
                      <a:endParaRPr sz="800">
                        <a:latin typeface="メイリオ"/>
                        <a:cs typeface="メイリオ"/>
                      </a:endParaRPr>
                    </a:p>
                    <a:p>
                      <a:pPr marL="351790" marR="156210" indent="-146685">
                        <a:lnSpc>
                          <a:spcPts val="1700"/>
                        </a:lnSpc>
                      </a:pPr>
                      <a:r>
                        <a:rPr sz="800" spc="-65" dirty="0">
                          <a:latin typeface="メイリオ"/>
                          <a:cs typeface="メイリオ"/>
                        </a:rPr>
                        <a:t>・神通⼤橋の更新については、将来における新橋の取り扱い</a:t>
                      </a:r>
                      <a:r>
                        <a:rPr sz="800" spc="-50" dirty="0">
                          <a:latin typeface="メイリオ"/>
                          <a:cs typeface="メイリオ"/>
                        </a:rPr>
                        <a:t>（⼤規模修繕・更新、廃⽌</a:t>
                      </a:r>
                      <a:r>
                        <a:rPr sz="800" spc="-40" dirty="0">
                          <a:latin typeface="メイリオ"/>
                          <a:cs typeface="メイリオ"/>
                        </a:rPr>
                        <a:t>）</a:t>
                      </a:r>
                      <a:r>
                        <a:rPr sz="800" spc="-50" dirty="0">
                          <a:latin typeface="メイリオ"/>
                          <a:cs typeface="メイリオ"/>
                        </a:rPr>
                        <a:t>を含めた、</a:t>
                      </a:r>
                      <a:r>
                        <a:rPr sz="800" spc="-50" dirty="0">
                          <a:solidFill>
                            <a:srgbClr val="FF0000"/>
                          </a:solidFill>
                          <a:latin typeface="メイリオ"/>
                          <a:cs typeface="メイリオ"/>
                        </a:rPr>
                        <a:t>さらなる調査・検討が必要である</a:t>
                      </a:r>
                      <a:r>
                        <a:rPr sz="800" spc="-50" dirty="0">
                          <a:latin typeface="メイリオ"/>
                          <a:cs typeface="メイリオ"/>
                        </a:rPr>
                        <a:t>。</a:t>
                      </a:r>
                      <a:endParaRPr sz="800">
                        <a:latin typeface="メイリオ"/>
                        <a:cs typeface="メイリオ"/>
                      </a:endParaRPr>
                    </a:p>
                    <a:p>
                      <a:pPr marL="351790" marR="191770" indent="-146685">
                        <a:lnSpc>
                          <a:spcPts val="1689"/>
                        </a:lnSpc>
                        <a:spcBef>
                          <a:spcPts val="15"/>
                        </a:spcBef>
                      </a:pPr>
                      <a:r>
                        <a:rPr sz="800" spc="-40" dirty="0">
                          <a:latin typeface="メイリオ"/>
                          <a:cs typeface="メイリオ"/>
                        </a:rPr>
                        <a:t>・維持管理業務（包括管理を含む）</a:t>
                      </a:r>
                      <a:r>
                        <a:rPr sz="800" spc="-85" dirty="0">
                          <a:latin typeface="メイリオ"/>
                          <a:cs typeface="メイリオ"/>
                        </a:rPr>
                        <a:t>の効率化を検討する上では、「規模の経</a:t>
                      </a:r>
                      <a:r>
                        <a:rPr sz="800" spc="-170" dirty="0">
                          <a:latin typeface="メイリオ"/>
                          <a:cs typeface="メイリオ"/>
                        </a:rPr>
                        <a:t>済」・「範囲の経済」・「密度の経済」という視点が重要であり、誰がどのエ</a:t>
                      </a:r>
                      <a:endParaRPr sz="800">
                        <a:latin typeface="メイリオ"/>
                        <a:cs typeface="メイリオ"/>
                      </a:endParaRPr>
                    </a:p>
                    <a:p>
                      <a:pPr marL="351790" marR="194310">
                        <a:lnSpc>
                          <a:spcPts val="1700"/>
                        </a:lnSpc>
                        <a:spcBef>
                          <a:spcPts val="10"/>
                        </a:spcBef>
                      </a:pPr>
                      <a:r>
                        <a:rPr sz="800" spc="-114" dirty="0">
                          <a:latin typeface="メイリオ"/>
                          <a:cs typeface="メイリオ"/>
                        </a:rPr>
                        <a:t>リア</a:t>
                      </a:r>
                      <a:r>
                        <a:rPr sz="800" spc="-40" dirty="0">
                          <a:latin typeface="メイリオ"/>
                          <a:cs typeface="メイリオ"/>
                        </a:rPr>
                        <a:t>（</a:t>
                      </a:r>
                      <a:r>
                        <a:rPr sz="800" spc="-45" dirty="0">
                          <a:latin typeface="メイリオ"/>
                          <a:cs typeface="メイリオ"/>
                        </a:rPr>
                        <a:t>範囲</a:t>
                      </a:r>
                      <a:r>
                        <a:rPr sz="800" spc="-180" dirty="0">
                          <a:latin typeface="メイリオ"/>
                          <a:cs typeface="メイリオ"/>
                        </a:rPr>
                        <a:t>）</a:t>
                      </a:r>
                      <a:r>
                        <a:rPr sz="800" spc="-60" dirty="0">
                          <a:latin typeface="メイリオ"/>
                          <a:cs typeface="メイリオ"/>
                        </a:rPr>
                        <a:t>でどういった形で管理することが最も効率的であるか</a:t>
                      </a:r>
                      <a:r>
                        <a:rPr sz="800" spc="-40" dirty="0">
                          <a:latin typeface="メイリオ"/>
                          <a:cs typeface="メイリオ"/>
                        </a:rPr>
                        <a:t>（</a:t>
                      </a:r>
                      <a:r>
                        <a:rPr sz="800" spc="-50" dirty="0">
                          <a:latin typeface="メイリオ"/>
                          <a:cs typeface="メイリオ"/>
                        </a:rPr>
                        <a:t>組み</a:t>
                      </a:r>
                      <a:r>
                        <a:rPr sz="800" spc="-45" dirty="0">
                          <a:latin typeface="メイリオ"/>
                          <a:cs typeface="メイリオ"/>
                        </a:rPr>
                        <a:t>合わせ</a:t>
                      </a:r>
                      <a:r>
                        <a:rPr sz="800" spc="-555" dirty="0">
                          <a:latin typeface="メイリオ"/>
                          <a:cs typeface="メイリオ"/>
                        </a:rPr>
                        <a:t>）</a:t>
                      </a:r>
                      <a:r>
                        <a:rPr sz="800" spc="-80" dirty="0">
                          <a:latin typeface="メイリオ"/>
                          <a:cs typeface="メイリオ"/>
                        </a:rPr>
                        <a:t>を市全体を⾒て判断する必要があり、</a:t>
                      </a:r>
                      <a:r>
                        <a:rPr sz="800" spc="-50" dirty="0">
                          <a:solidFill>
                            <a:srgbClr val="FF0000"/>
                          </a:solidFill>
                          <a:latin typeface="メイリオ"/>
                          <a:cs typeface="メイリオ"/>
                        </a:rPr>
                        <a:t>さらなる検討が必要である</a:t>
                      </a:r>
                      <a:endParaRPr sz="800">
                        <a:latin typeface="メイリオ"/>
                        <a:cs typeface="メイリオ"/>
                      </a:endParaRPr>
                    </a:p>
                  </a:txBody>
                  <a:tcPr marL="0" marR="0" marT="6149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tc>
                  <a:txBody>
                    <a:bodyPr/>
                    <a:lstStyle/>
                    <a:p>
                      <a:pPr>
                        <a:lnSpc>
                          <a:spcPct val="100000"/>
                        </a:lnSpc>
                      </a:pPr>
                      <a:endParaRPr sz="1300">
                        <a:latin typeface="Times New Roman"/>
                        <a:cs typeface="Times New Roman"/>
                      </a:endParaRPr>
                    </a:p>
                    <a:p>
                      <a:pPr>
                        <a:lnSpc>
                          <a:spcPct val="100000"/>
                        </a:lnSpc>
                      </a:pPr>
                      <a:endParaRPr sz="1300">
                        <a:latin typeface="Times New Roman"/>
                        <a:cs typeface="Times New Roman"/>
                      </a:endParaRPr>
                    </a:p>
                    <a:p>
                      <a:pPr>
                        <a:lnSpc>
                          <a:spcPct val="100000"/>
                        </a:lnSpc>
                      </a:pPr>
                      <a:endParaRPr sz="1300">
                        <a:latin typeface="Times New Roman"/>
                        <a:cs typeface="Times New Roman"/>
                      </a:endParaRPr>
                    </a:p>
                    <a:p>
                      <a:pPr>
                        <a:lnSpc>
                          <a:spcPct val="100000"/>
                        </a:lnSpc>
                        <a:spcBef>
                          <a:spcPts val="30"/>
                        </a:spcBef>
                      </a:pPr>
                      <a:endParaRPr sz="1400">
                        <a:latin typeface="Times New Roman"/>
                        <a:cs typeface="Times New Roman"/>
                      </a:endParaRPr>
                    </a:p>
                    <a:p>
                      <a:pPr marL="74295">
                        <a:lnSpc>
                          <a:spcPct val="100000"/>
                        </a:lnSpc>
                      </a:pPr>
                      <a:r>
                        <a:rPr sz="1300" b="1" dirty="0">
                          <a:latin typeface="HGPｺﾞｼｯｸM"/>
                          <a:cs typeface="HGPｺﾞｼｯｸM"/>
                        </a:rPr>
                        <a:t>○</a:t>
                      </a:r>
                      <a:endParaRPr sz="1300">
                        <a:latin typeface="HGPｺﾞｼｯｸM"/>
                        <a:cs typeface="HGPｺﾞｼｯｸM"/>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2"/>
                  </a:ext>
                </a:extLst>
              </a:tr>
            </a:tbl>
          </a:graphicData>
        </a:graphic>
      </p:graphicFrame>
      <p:sp>
        <p:nvSpPr>
          <p:cNvPr id="5" name="object 5"/>
          <p:cNvSpPr/>
          <p:nvPr/>
        </p:nvSpPr>
        <p:spPr>
          <a:xfrm>
            <a:off x="10258203" y="4657233"/>
            <a:ext cx="392177" cy="4887"/>
          </a:xfrm>
          <a:custGeom>
            <a:avLst/>
            <a:gdLst/>
            <a:ahLst/>
            <a:cxnLst/>
            <a:rect l="l" t="t" r="r" b="b"/>
            <a:pathLst>
              <a:path w="611505" h="7620">
                <a:moveTo>
                  <a:pt x="611123" y="0"/>
                </a:moveTo>
                <a:lnTo>
                  <a:pt x="0" y="0"/>
                </a:lnTo>
                <a:lnTo>
                  <a:pt x="0" y="7620"/>
                </a:lnTo>
                <a:lnTo>
                  <a:pt x="611123" y="7620"/>
                </a:lnTo>
                <a:lnTo>
                  <a:pt x="611123" y="0"/>
                </a:lnTo>
                <a:close/>
              </a:path>
            </a:pathLst>
          </a:custGeom>
          <a:solidFill>
            <a:srgbClr val="000000"/>
          </a:solidFill>
        </p:spPr>
        <p:txBody>
          <a:bodyPr wrap="square" lIns="0" tIns="0" rIns="0" bIns="0" rtlCol="0"/>
          <a:lstStyle/>
          <a:p>
            <a:endParaRPr sz="1154"/>
          </a:p>
        </p:txBody>
      </p:sp>
      <p:sp>
        <p:nvSpPr>
          <p:cNvPr id="6" name="object 6"/>
          <p:cNvSpPr/>
          <p:nvPr/>
        </p:nvSpPr>
        <p:spPr>
          <a:xfrm>
            <a:off x="6325197" y="4803841"/>
            <a:ext cx="1172865" cy="4887"/>
          </a:xfrm>
          <a:custGeom>
            <a:avLst/>
            <a:gdLst/>
            <a:ahLst/>
            <a:cxnLst/>
            <a:rect l="l" t="t" r="r" b="b"/>
            <a:pathLst>
              <a:path w="1828800" h="7620">
                <a:moveTo>
                  <a:pt x="1828800" y="0"/>
                </a:moveTo>
                <a:lnTo>
                  <a:pt x="0" y="0"/>
                </a:lnTo>
                <a:lnTo>
                  <a:pt x="0" y="7619"/>
                </a:lnTo>
                <a:lnTo>
                  <a:pt x="1828800" y="7619"/>
                </a:lnTo>
                <a:lnTo>
                  <a:pt x="1828800" y="0"/>
                </a:lnTo>
                <a:close/>
              </a:path>
            </a:pathLst>
          </a:custGeom>
          <a:solidFill>
            <a:srgbClr val="000000"/>
          </a:solidFill>
        </p:spPr>
        <p:txBody>
          <a:bodyPr wrap="square" lIns="0" tIns="0" rIns="0" bIns="0" rtlCol="0"/>
          <a:lstStyle/>
          <a:p>
            <a:endParaRPr sz="1154"/>
          </a:p>
        </p:txBody>
      </p:sp>
      <p:sp>
        <p:nvSpPr>
          <p:cNvPr id="7" name="object 7"/>
          <p:cNvSpPr/>
          <p:nvPr/>
        </p:nvSpPr>
        <p:spPr>
          <a:xfrm>
            <a:off x="7694517" y="5540791"/>
            <a:ext cx="2736684" cy="4887"/>
          </a:xfrm>
          <a:custGeom>
            <a:avLst/>
            <a:gdLst/>
            <a:ahLst/>
            <a:cxnLst/>
            <a:rect l="l" t="t" r="r" b="b"/>
            <a:pathLst>
              <a:path w="4267200" h="7620">
                <a:moveTo>
                  <a:pt x="4267200" y="0"/>
                </a:moveTo>
                <a:lnTo>
                  <a:pt x="0" y="0"/>
                </a:lnTo>
                <a:lnTo>
                  <a:pt x="0" y="7619"/>
                </a:lnTo>
                <a:lnTo>
                  <a:pt x="4267200" y="7619"/>
                </a:lnTo>
                <a:lnTo>
                  <a:pt x="4267200" y="0"/>
                </a:lnTo>
                <a:close/>
              </a:path>
            </a:pathLst>
          </a:custGeom>
          <a:solidFill>
            <a:srgbClr val="000000"/>
          </a:solidFill>
        </p:spPr>
        <p:txBody>
          <a:bodyPr wrap="square" lIns="0" tIns="0" rIns="0" bIns="0" rtlCol="0"/>
          <a:lstStyle/>
          <a:p>
            <a:endParaRPr sz="1154"/>
          </a:p>
        </p:txBody>
      </p:sp>
      <p:sp>
        <p:nvSpPr>
          <p:cNvPr id="8" name="object 8"/>
          <p:cNvSpPr txBox="1"/>
          <p:nvPr/>
        </p:nvSpPr>
        <p:spPr>
          <a:xfrm>
            <a:off x="6201721" y="3999458"/>
            <a:ext cx="4457699" cy="2116171"/>
          </a:xfrm>
          <a:prstGeom prst="rect">
            <a:avLst/>
          </a:prstGeom>
        </p:spPr>
        <p:txBody>
          <a:bodyPr vert="horz" wrap="square" lIns="0" tIns="62308" rIns="0" bIns="0" rtlCol="0">
            <a:spAutoFit/>
          </a:bodyPr>
          <a:lstStyle/>
          <a:p>
            <a:pPr marL="8145">
              <a:spcBef>
                <a:spcPts val="491"/>
              </a:spcBef>
            </a:pPr>
            <a:r>
              <a:rPr sz="802" b="1" dirty="0">
                <a:latin typeface="Yu Gothic UI"/>
                <a:cs typeface="Yu Gothic UI"/>
              </a:rPr>
              <a:t>（２）</a:t>
            </a:r>
            <a:r>
              <a:rPr sz="802" b="1" spc="-3" dirty="0">
                <a:latin typeface="Yu Gothic UI"/>
                <a:cs typeface="Yu Gothic UI"/>
              </a:rPr>
              <a:t>総合評価</a:t>
            </a:r>
            <a:endParaRPr sz="802">
              <a:latin typeface="Yu Gothic UI"/>
              <a:cs typeface="Yu Gothic UI"/>
            </a:endParaRPr>
          </a:p>
          <a:p>
            <a:pPr marL="123389" marR="3258" indent="97734">
              <a:lnSpc>
                <a:spcPct val="125000"/>
              </a:lnSpc>
              <a:spcBef>
                <a:spcPts val="147"/>
              </a:spcBef>
            </a:pPr>
            <a:r>
              <a:rPr sz="770" spc="-3" dirty="0">
                <a:latin typeface="メイリオ"/>
                <a:cs typeface="メイリオ"/>
              </a:rPr>
              <a:t>神通⼤橋の更新や要修繕橋梁への早期対応等、市の重要課題に着眼した提案内容は、市の認識と</a:t>
            </a:r>
            <a:r>
              <a:rPr sz="770" spc="-38" dirty="0">
                <a:latin typeface="メイリオ"/>
                <a:cs typeface="メイリオ"/>
              </a:rPr>
              <a:t>も合致しており、抜本的な対策実施や工期短縮、維持管理業務の効率化・⾼度化の実現等、⺠間の資</a:t>
            </a:r>
            <a:endParaRPr sz="770">
              <a:latin typeface="メイリオ"/>
              <a:cs typeface="メイリオ"/>
            </a:endParaRPr>
          </a:p>
          <a:p>
            <a:pPr marL="123389" marR="4887">
              <a:lnSpc>
                <a:spcPct val="125000"/>
              </a:lnSpc>
            </a:pPr>
            <a:r>
              <a:rPr sz="770" spc="-38" dirty="0">
                <a:latin typeface="メイリオ"/>
                <a:cs typeface="メイリオ"/>
              </a:rPr>
              <a:t>⾦・ノウハウ等を活⽤したインフラ整備・維持管理という、市の方針に沿った提案であり、</a:t>
            </a:r>
            <a:r>
              <a:rPr sz="770" b="1" spc="-10" dirty="0">
                <a:latin typeface="メイリオ"/>
                <a:cs typeface="メイリオ"/>
              </a:rPr>
              <a:t>提案内容</a:t>
            </a:r>
            <a:r>
              <a:rPr sz="770" b="1" spc="-3" dirty="0">
                <a:latin typeface="メイリオ"/>
                <a:cs typeface="メイリオ"/>
              </a:rPr>
              <a:t>の有効性は十分評価できる</a:t>
            </a:r>
            <a:r>
              <a:rPr sz="770" spc="-32" dirty="0">
                <a:latin typeface="メイリオ"/>
                <a:cs typeface="メイリオ"/>
              </a:rPr>
              <a:t>。</a:t>
            </a:r>
            <a:endParaRPr sz="770">
              <a:latin typeface="メイリオ"/>
              <a:cs typeface="メイリオ"/>
            </a:endParaRPr>
          </a:p>
          <a:p>
            <a:pPr>
              <a:spcBef>
                <a:spcPts val="10"/>
              </a:spcBef>
            </a:pPr>
            <a:endParaRPr sz="513">
              <a:latin typeface="メイリオ"/>
              <a:cs typeface="メイリオ"/>
            </a:endParaRPr>
          </a:p>
          <a:p>
            <a:pPr marL="8145"/>
            <a:r>
              <a:rPr sz="802" b="1" dirty="0">
                <a:latin typeface="Yu Gothic UI"/>
                <a:cs typeface="Yu Gothic UI"/>
              </a:rPr>
              <a:t>（３）事業化の時期</a:t>
            </a:r>
            <a:endParaRPr sz="802">
              <a:latin typeface="Yu Gothic UI"/>
              <a:cs typeface="Yu Gothic UI"/>
            </a:endParaRPr>
          </a:p>
          <a:p>
            <a:pPr marL="124204" marR="3258" indent="104250" algn="just">
              <a:lnSpc>
                <a:spcPct val="125000"/>
              </a:lnSpc>
              <a:spcBef>
                <a:spcPts val="147"/>
              </a:spcBef>
            </a:pPr>
            <a:r>
              <a:rPr sz="770" spc="-13" dirty="0">
                <a:latin typeface="メイリオ"/>
                <a:cs typeface="メイリオ"/>
              </a:rPr>
              <a:t>本市の橋梁⽼朽化対策における更新・維持管理のあり方の他、従来手法での事業内容</a:t>
            </a:r>
            <a:r>
              <a:rPr sz="770" spc="-385" dirty="0">
                <a:latin typeface="メイリオ"/>
                <a:cs typeface="メイリオ"/>
              </a:rPr>
              <a:t>（</a:t>
            </a:r>
            <a:r>
              <a:rPr sz="770" spc="-6" dirty="0">
                <a:latin typeface="メイリオ"/>
                <a:cs typeface="メイリオ"/>
              </a:rPr>
              <a:t>【神通⼤橋</a:t>
            </a:r>
            <a:r>
              <a:rPr sz="770" spc="-42" dirty="0">
                <a:latin typeface="メイリオ"/>
                <a:cs typeface="メイリオ"/>
              </a:rPr>
              <a:t>の更新】架替え工法や方式、【橋梁包括管理】対象エリア・対象インフラ及び実施プロセス）</a:t>
            </a:r>
            <a:r>
              <a:rPr sz="770" spc="-13" dirty="0">
                <a:latin typeface="メイリオ"/>
                <a:cs typeface="メイリオ"/>
              </a:rPr>
              <a:t>のさら</a:t>
            </a:r>
            <a:r>
              <a:rPr sz="770" spc="-3" dirty="0">
                <a:latin typeface="メイリオ"/>
                <a:cs typeface="メイリオ"/>
              </a:rPr>
              <a:t>なる調査・検討が必要であり、</a:t>
            </a:r>
            <a:r>
              <a:rPr sz="770" b="1" spc="-3" dirty="0">
                <a:latin typeface="メイリオ"/>
                <a:cs typeface="メイリオ"/>
              </a:rPr>
              <a:t>現時点で速やかに当該提案に伴う事業化を⾏うことはできない</a:t>
            </a:r>
            <a:r>
              <a:rPr sz="770" spc="-32" dirty="0">
                <a:latin typeface="メイリオ"/>
                <a:cs typeface="メイリオ"/>
              </a:rPr>
              <a:t>。</a:t>
            </a:r>
            <a:endParaRPr sz="770">
              <a:latin typeface="メイリオ"/>
              <a:cs typeface="メイリオ"/>
            </a:endParaRPr>
          </a:p>
          <a:p>
            <a:pPr>
              <a:spcBef>
                <a:spcPts val="6"/>
              </a:spcBef>
            </a:pPr>
            <a:endParaRPr sz="513">
              <a:latin typeface="メイリオ"/>
              <a:cs typeface="メイリオ"/>
            </a:endParaRPr>
          </a:p>
          <a:p>
            <a:pPr marL="8145">
              <a:tabLst>
                <a:tab pos="219087" algn="l"/>
              </a:tabLst>
            </a:pPr>
            <a:r>
              <a:rPr sz="802" b="1" u="sng" spc="-32" dirty="0">
                <a:uFill>
                  <a:solidFill>
                    <a:srgbClr val="000000"/>
                  </a:solidFill>
                </a:uFill>
                <a:latin typeface="Yu Gothic UI"/>
                <a:cs typeface="Yu Gothic UI"/>
              </a:rPr>
              <a:t>５</a:t>
            </a:r>
            <a:r>
              <a:rPr sz="802" b="1" u="sng" dirty="0">
                <a:uFill>
                  <a:solidFill>
                    <a:srgbClr val="000000"/>
                  </a:solidFill>
                </a:uFill>
                <a:latin typeface="Yu Gothic UI"/>
                <a:cs typeface="Yu Gothic UI"/>
              </a:rPr>
              <a:t>	</a:t>
            </a:r>
            <a:r>
              <a:rPr sz="802" b="1" u="sng" spc="6" dirty="0">
                <a:uFill>
                  <a:solidFill>
                    <a:srgbClr val="000000"/>
                  </a:solidFill>
                </a:uFill>
                <a:latin typeface="Yu Gothic UI"/>
                <a:cs typeface="Yu Gothic UI"/>
              </a:rPr>
              <a:t>検討結果</a:t>
            </a:r>
            <a:r>
              <a:rPr sz="802" b="1" u="sng" spc="32" dirty="0">
                <a:uFill>
                  <a:solidFill>
                    <a:srgbClr val="000000"/>
                  </a:solidFill>
                </a:uFill>
                <a:latin typeface="Yu Gothic UI"/>
                <a:cs typeface="Yu Gothic UI"/>
              </a:rPr>
              <a:t>（</a:t>
            </a:r>
            <a:r>
              <a:rPr sz="802" b="1" u="sng" dirty="0">
                <a:uFill>
                  <a:solidFill>
                    <a:srgbClr val="000000"/>
                  </a:solidFill>
                </a:uFill>
                <a:latin typeface="Yu Gothic UI"/>
                <a:cs typeface="Yu Gothic UI"/>
              </a:rPr>
              <a:t>実施方針の策定見通し</a:t>
            </a:r>
            <a:r>
              <a:rPr sz="802" b="1" u="sng" spc="-32" dirty="0">
                <a:uFill>
                  <a:solidFill>
                    <a:srgbClr val="000000"/>
                  </a:solidFill>
                </a:uFill>
                <a:latin typeface="Yu Gothic UI"/>
                <a:cs typeface="Yu Gothic UI"/>
              </a:rPr>
              <a:t>）</a:t>
            </a:r>
            <a:endParaRPr sz="802">
              <a:latin typeface="Yu Gothic UI"/>
              <a:cs typeface="Yu Gothic UI"/>
            </a:endParaRPr>
          </a:p>
          <a:p>
            <a:pPr marL="94069" marR="4072" indent="97734" algn="just">
              <a:lnSpc>
                <a:spcPct val="125000"/>
              </a:lnSpc>
              <a:spcBef>
                <a:spcPts val="150"/>
              </a:spcBef>
            </a:pPr>
            <a:r>
              <a:rPr sz="770" spc="-3" dirty="0">
                <a:latin typeface="メイリオ"/>
                <a:cs typeface="メイリオ"/>
              </a:rPr>
              <a:t>提案内容の有効性は十分評価できるものの、本市が推進する橋梁トリアージに基づく⽼朽化対策</a:t>
            </a:r>
            <a:r>
              <a:rPr sz="770" spc="-29" dirty="0">
                <a:latin typeface="メイリオ"/>
                <a:cs typeface="メイリオ"/>
              </a:rPr>
              <a:t>との整合を図る等、官⺠連携による最適な管理体制の構築には、さらなる調査・検討が必要であるこ</a:t>
            </a:r>
            <a:r>
              <a:rPr sz="770" dirty="0">
                <a:latin typeface="メイリオ"/>
                <a:cs typeface="メイリオ"/>
              </a:rPr>
              <a:t>とから、</a:t>
            </a:r>
            <a:r>
              <a:rPr sz="770" b="1" dirty="0">
                <a:latin typeface="メイリオ"/>
                <a:cs typeface="メイリオ"/>
              </a:rPr>
              <a:t>当該提案に伴う実施方針は直ちには定めない</a:t>
            </a:r>
            <a:r>
              <a:rPr sz="770" spc="-6" dirty="0">
                <a:latin typeface="メイリオ"/>
                <a:cs typeface="メイリオ"/>
              </a:rPr>
              <a:t>こととする。</a:t>
            </a:r>
            <a:endParaRPr sz="770">
              <a:latin typeface="メイリオ"/>
              <a:cs typeface="メイリオ"/>
            </a:endParaRPr>
          </a:p>
        </p:txBody>
      </p:sp>
      <p:sp>
        <p:nvSpPr>
          <p:cNvPr id="9" name="object 9"/>
          <p:cNvSpPr/>
          <p:nvPr/>
        </p:nvSpPr>
        <p:spPr>
          <a:xfrm>
            <a:off x="6686830" y="6277741"/>
            <a:ext cx="1954774" cy="4887"/>
          </a:xfrm>
          <a:custGeom>
            <a:avLst/>
            <a:gdLst/>
            <a:ahLst/>
            <a:cxnLst/>
            <a:rect l="l" t="t" r="r" b="b"/>
            <a:pathLst>
              <a:path w="3048000" h="7620">
                <a:moveTo>
                  <a:pt x="3048000" y="0"/>
                </a:moveTo>
                <a:lnTo>
                  <a:pt x="0" y="0"/>
                </a:lnTo>
                <a:lnTo>
                  <a:pt x="0" y="7619"/>
                </a:lnTo>
                <a:lnTo>
                  <a:pt x="3048000" y="7619"/>
                </a:lnTo>
                <a:lnTo>
                  <a:pt x="3048000" y="0"/>
                </a:lnTo>
                <a:close/>
              </a:path>
            </a:pathLst>
          </a:custGeom>
          <a:solidFill>
            <a:srgbClr val="000000"/>
          </a:solidFill>
        </p:spPr>
        <p:txBody>
          <a:bodyPr wrap="square" lIns="0" tIns="0" rIns="0" bIns="0" rtlCol="0"/>
          <a:lstStyle/>
          <a:p>
            <a:endParaRPr sz="1154"/>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グラフ 1">
            <a:extLst>
              <a:ext uri="{FF2B5EF4-FFF2-40B4-BE49-F238E27FC236}">
                <a16:creationId xmlns:a16="http://schemas.microsoft.com/office/drawing/2014/main" id="{6E089910-E741-4754-B2B2-69274BD754DD}"/>
              </a:ext>
            </a:extLst>
          </p:cNvPr>
          <p:cNvGraphicFramePr>
            <a:graphicFrameLocks/>
          </p:cNvGraphicFramePr>
          <p:nvPr/>
        </p:nvGraphicFramePr>
        <p:xfrm>
          <a:off x="1415480" y="18091"/>
          <a:ext cx="9001000" cy="6858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3" name="表 2">
            <a:extLst>
              <a:ext uri="{FF2B5EF4-FFF2-40B4-BE49-F238E27FC236}">
                <a16:creationId xmlns:a16="http://schemas.microsoft.com/office/drawing/2014/main" id="{B81D116D-50EB-47BD-A06F-E48B3328C2B9}"/>
              </a:ext>
            </a:extLst>
          </p:cNvPr>
          <p:cNvGraphicFramePr>
            <a:graphicFrameLocks noGrp="1"/>
          </p:cNvGraphicFramePr>
          <p:nvPr/>
        </p:nvGraphicFramePr>
        <p:xfrm>
          <a:off x="8328248" y="620688"/>
          <a:ext cx="1512168" cy="3132348"/>
        </p:xfrm>
        <a:graphic>
          <a:graphicData uri="http://schemas.openxmlformats.org/drawingml/2006/table">
            <a:tbl>
              <a:tblPr>
                <a:tableStyleId>{5C22544A-7EE6-4342-B048-85BDC9FD1C3A}</a:tableStyleId>
              </a:tblPr>
              <a:tblGrid>
                <a:gridCol w="693077">
                  <a:extLst>
                    <a:ext uri="{9D8B030D-6E8A-4147-A177-3AD203B41FA5}">
                      <a16:colId xmlns:a16="http://schemas.microsoft.com/office/drawing/2014/main" val="424522600"/>
                    </a:ext>
                  </a:extLst>
                </a:gridCol>
                <a:gridCol w="819091">
                  <a:extLst>
                    <a:ext uri="{9D8B030D-6E8A-4147-A177-3AD203B41FA5}">
                      <a16:colId xmlns:a16="http://schemas.microsoft.com/office/drawing/2014/main" val="323731063"/>
                    </a:ext>
                  </a:extLst>
                </a:gridCol>
              </a:tblGrid>
              <a:tr h="378042">
                <a:tc>
                  <a:txBody>
                    <a:bodyPr/>
                    <a:lstStyle/>
                    <a:p>
                      <a:pPr algn="l" fontAlgn="ctr"/>
                      <a:r>
                        <a:rPr lang="ja-JP" altLang="en-US" sz="1100" u="none" strike="noStrike" dirty="0">
                          <a:effectLst/>
                        </a:rPr>
                        <a:t>項目</a:t>
                      </a:r>
                      <a:endParaRPr lang="ja-JP" altLang="en-US"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l" fontAlgn="ctr"/>
                      <a:r>
                        <a:rPr lang="zh-TW" altLang="en-US" sz="1100" u="none" strike="noStrike">
                          <a:effectLst/>
                        </a:rPr>
                        <a:t>金額（億円）</a:t>
                      </a:r>
                      <a:endParaRPr lang="zh-TW"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78119528"/>
                  </a:ext>
                </a:extLst>
              </a:tr>
              <a:tr h="378042">
                <a:tc>
                  <a:txBody>
                    <a:bodyPr/>
                    <a:lstStyle/>
                    <a:p>
                      <a:pPr algn="l" fontAlgn="ctr"/>
                      <a:r>
                        <a:rPr lang="ja-JP" altLang="en-US" sz="1100" u="none" strike="noStrike" dirty="0">
                          <a:effectLst/>
                        </a:rPr>
                        <a:t>民生費</a:t>
                      </a:r>
                      <a:endParaRPr lang="ja-JP" altLang="en-US"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591</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1823355150"/>
                  </a:ext>
                </a:extLst>
              </a:tr>
              <a:tr h="378042">
                <a:tc>
                  <a:txBody>
                    <a:bodyPr/>
                    <a:lstStyle/>
                    <a:p>
                      <a:pPr algn="l" fontAlgn="ctr"/>
                      <a:r>
                        <a:rPr lang="ja-JP" altLang="en-US" sz="1100" u="none" strike="noStrike" dirty="0">
                          <a:effectLst/>
                        </a:rPr>
                        <a:t>土木費</a:t>
                      </a:r>
                      <a:endParaRPr lang="ja-JP" altLang="en-US"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256</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2546120923"/>
                  </a:ext>
                </a:extLst>
              </a:tr>
              <a:tr h="378042">
                <a:tc>
                  <a:txBody>
                    <a:bodyPr/>
                    <a:lstStyle/>
                    <a:p>
                      <a:pPr algn="l" fontAlgn="ctr"/>
                      <a:r>
                        <a:rPr lang="ja-JP" altLang="en-US" sz="1100" u="none" strike="noStrike">
                          <a:effectLst/>
                        </a:rPr>
                        <a:t>公債費</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220</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2514652943"/>
                  </a:ext>
                </a:extLst>
              </a:tr>
              <a:tr h="378042">
                <a:tc>
                  <a:txBody>
                    <a:bodyPr/>
                    <a:lstStyle/>
                    <a:p>
                      <a:pPr algn="l" fontAlgn="ctr"/>
                      <a:r>
                        <a:rPr lang="ja-JP" altLang="en-US" sz="1100" u="none" strike="noStrike">
                          <a:effectLst/>
                        </a:rPr>
                        <a:t>総務費</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178</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1476720182"/>
                  </a:ext>
                </a:extLst>
              </a:tr>
              <a:tr h="486054">
                <a:tc>
                  <a:txBody>
                    <a:bodyPr/>
                    <a:lstStyle/>
                    <a:p>
                      <a:pPr algn="l" fontAlgn="ctr"/>
                      <a:r>
                        <a:rPr lang="ja-JP" altLang="en-US" sz="1100" u="none" strike="noStrike">
                          <a:effectLst/>
                        </a:rPr>
                        <a:t>教育費</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167</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3925710909"/>
                  </a:ext>
                </a:extLst>
              </a:tr>
              <a:tr h="378042">
                <a:tc>
                  <a:txBody>
                    <a:bodyPr/>
                    <a:lstStyle/>
                    <a:p>
                      <a:pPr algn="l" fontAlgn="ctr"/>
                      <a:r>
                        <a:rPr lang="ja-JP" altLang="en-US" sz="1100" u="none" strike="noStrike">
                          <a:effectLst/>
                        </a:rPr>
                        <a:t>衛生費</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dirty="0">
                          <a:effectLst/>
                        </a:rPr>
                        <a:t>91</a:t>
                      </a:r>
                      <a:endParaRPr lang="en-US" altLang="ja-JP"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1797139047"/>
                  </a:ext>
                </a:extLst>
              </a:tr>
              <a:tr h="378042">
                <a:tc>
                  <a:txBody>
                    <a:bodyPr/>
                    <a:lstStyle/>
                    <a:p>
                      <a:pPr algn="l" fontAlgn="ctr"/>
                      <a:r>
                        <a:rPr lang="ja-JP" altLang="en-US" sz="1100" u="none" strike="noStrike">
                          <a:effectLst/>
                        </a:rPr>
                        <a:t>その他</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dirty="0">
                          <a:effectLst/>
                        </a:rPr>
                        <a:t>108</a:t>
                      </a:r>
                      <a:endParaRPr lang="en-US" altLang="ja-JP"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4204013393"/>
                  </a:ext>
                </a:extLst>
              </a:tr>
            </a:tbl>
          </a:graphicData>
        </a:graphic>
      </p:graphicFrame>
    </p:spTree>
    <p:extLst>
      <p:ext uri="{BB962C8B-B14F-4D97-AF65-F5344CB8AC3E}">
        <p14:creationId xmlns:p14="http://schemas.microsoft.com/office/powerpoint/2010/main" val="758027130"/>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88282689-3CCA-DF53-69E7-12E8A1D16D94}"/>
              </a:ext>
            </a:extLst>
          </p:cNvPr>
          <p:cNvSpPr txBox="1"/>
          <p:nvPr/>
        </p:nvSpPr>
        <p:spPr>
          <a:xfrm>
            <a:off x="617577" y="320040"/>
            <a:ext cx="10043134" cy="6247864"/>
          </a:xfrm>
          <a:prstGeom prst="rect">
            <a:avLst/>
          </a:prstGeom>
          <a:noFill/>
        </p:spPr>
        <p:txBody>
          <a:bodyPr wrap="none" rtlCol="0">
            <a:spAutoFit/>
          </a:bodyPr>
          <a:lstStyle/>
          <a:p>
            <a:r>
              <a:rPr kumimoji="1" lang="ja-JP" altLang="en-US" sz="4000" dirty="0"/>
              <a:t>今後、一番重要なこと</a:t>
            </a:r>
            <a:endParaRPr kumimoji="1" lang="en-US" altLang="ja-JP" sz="4000" dirty="0"/>
          </a:p>
          <a:p>
            <a:endParaRPr kumimoji="1" lang="en-US" altLang="ja-JP" sz="4000" dirty="0"/>
          </a:p>
          <a:p>
            <a:r>
              <a:rPr kumimoji="1" lang="en-US" altLang="ja-JP" sz="4000" dirty="0"/>
              <a:t>30</a:t>
            </a:r>
            <a:r>
              <a:rPr kumimoji="1" lang="ja-JP" altLang="en-US" sz="4000" dirty="0"/>
              <a:t>年、否！明治以降変更されていない、</a:t>
            </a:r>
            <a:endParaRPr kumimoji="1" lang="en-US" altLang="ja-JP" sz="4000" dirty="0"/>
          </a:p>
          <a:p>
            <a:endParaRPr kumimoji="1" lang="en-US" altLang="ja-JP" sz="4000" dirty="0"/>
          </a:p>
          <a:p>
            <a:r>
              <a:rPr kumimoji="1" lang="ja-JP" altLang="en-US" sz="4000" dirty="0"/>
              <a:t>「新たな入札契約方式」の早期導入だと思う！</a:t>
            </a:r>
            <a:endParaRPr kumimoji="1" lang="en-US" altLang="ja-JP" sz="4000" dirty="0"/>
          </a:p>
          <a:p>
            <a:endParaRPr lang="en-US" altLang="ja-JP" sz="4000" dirty="0"/>
          </a:p>
          <a:p>
            <a:r>
              <a:rPr kumimoji="1" lang="en-US" altLang="ja-JP" sz="4000" dirty="0"/>
              <a:t>PPP/PFI,</a:t>
            </a:r>
            <a:r>
              <a:rPr kumimoji="1" lang="ja-JP" altLang="en-US" sz="4000" dirty="0"/>
              <a:t>デザインビルド</a:t>
            </a:r>
            <a:r>
              <a:rPr kumimoji="1" lang="en-US" altLang="ja-JP" sz="4000" dirty="0"/>
              <a:t>,</a:t>
            </a:r>
            <a:r>
              <a:rPr lang="en-US" altLang="ja-JP" sz="4000" dirty="0"/>
              <a:t>CM</a:t>
            </a:r>
            <a:r>
              <a:rPr lang="ja-JP" altLang="en-US" sz="4000" dirty="0"/>
              <a:t>・</a:t>
            </a:r>
            <a:r>
              <a:rPr lang="en-US" altLang="ja-JP" sz="4000" dirty="0"/>
              <a:t>PM</a:t>
            </a:r>
            <a:r>
              <a:rPr lang="ja-JP" altLang="en-US" sz="4000"/>
              <a:t>　</a:t>
            </a:r>
            <a:endParaRPr kumimoji="1" lang="en-US" altLang="ja-JP" sz="4000" dirty="0"/>
          </a:p>
          <a:p>
            <a:endParaRPr kumimoji="1" lang="en-US" altLang="ja-JP" sz="4000" dirty="0"/>
          </a:p>
          <a:p>
            <a:r>
              <a:rPr kumimoji="1" lang="ja-JP" altLang="en-US" sz="4000" dirty="0"/>
              <a:t>先進国中、最も遅れている。時代の流れに</a:t>
            </a:r>
            <a:endParaRPr kumimoji="1" lang="en-US" altLang="ja-JP" sz="4000" dirty="0"/>
          </a:p>
          <a:p>
            <a:r>
              <a:rPr kumimoji="1" lang="ja-JP" altLang="en-US" sz="4000" dirty="0"/>
              <a:t>有っていない、恥ずかしいことだと思う</a:t>
            </a:r>
          </a:p>
        </p:txBody>
      </p:sp>
    </p:spTree>
    <p:extLst>
      <p:ext uri="{BB962C8B-B14F-4D97-AF65-F5344CB8AC3E}">
        <p14:creationId xmlns:p14="http://schemas.microsoft.com/office/powerpoint/2010/main" val="329933421"/>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a:spLocks noChangeArrowheads="1"/>
          </p:cNvSpPr>
          <p:nvPr/>
        </p:nvSpPr>
        <p:spPr bwMode="auto">
          <a:xfrm>
            <a:off x="1555751" y="160339"/>
            <a:ext cx="8861425" cy="433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defRPr/>
            </a:pPr>
            <a:r>
              <a:rPr lang="ja-JP" altLang="en-US" sz="3200" dirty="0">
                <a:solidFill>
                  <a:srgbClr val="000000"/>
                </a:solidFill>
                <a:ea typeface="HGPｺﾞｼｯｸE" pitchFamily="50" charset="-128"/>
              </a:rPr>
              <a:t>今後課題解決の方向性</a:t>
            </a:r>
            <a:endParaRPr lang="en-US" altLang="ja-JP" sz="2800" dirty="0">
              <a:latin typeface="HGP創英角ﾎﾟｯﾌﾟ体" panose="040B0A00000000000000" pitchFamily="50" charset="-128"/>
              <a:ea typeface="HGP創英角ﾎﾟｯﾌﾟ体" panose="040B0A00000000000000" pitchFamily="50" charset="-128"/>
            </a:endParaRPr>
          </a:p>
        </p:txBody>
      </p:sp>
      <p:sp>
        <p:nvSpPr>
          <p:cNvPr id="11" name="Rectangle 17"/>
          <p:cNvSpPr>
            <a:spLocks noChangeArrowheads="1"/>
          </p:cNvSpPr>
          <p:nvPr/>
        </p:nvSpPr>
        <p:spPr bwMode="auto">
          <a:xfrm>
            <a:off x="1555751" y="722314"/>
            <a:ext cx="8569325" cy="758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marL="0" indent="0" eaLnBrk="1" hangingPunct="1">
              <a:lnSpc>
                <a:spcPct val="80000"/>
              </a:lnSpc>
              <a:spcBef>
                <a:spcPct val="20000"/>
              </a:spcBef>
              <a:defRPr/>
            </a:pPr>
            <a:r>
              <a:rPr lang="ja-JP" altLang="en-US" sz="2800" b="1" dirty="0">
                <a:solidFill>
                  <a:srgbClr val="FF0000"/>
                </a:solidFill>
                <a:latin typeface="HG丸ｺﾞｼｯｸM-PRO" pitchFamily="50" charset="-128"/>
                <a:ea typeface="HG丸ｺﾞｼｯｸM-PRO" pitchFamily="50" charset="-128"/>
              </a:rPr>
              <a:t>〇架け替えは必ず発生する。⇒新設と考えるべき</a:t>
            </a:r>
            <a:endParaRPr lang="en-US" altLang="ja-JP" sz="28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　　　⇒「長寿命計画」では抜け落ちている。</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800" b="1" dirty="0">
                <a:latin typeface="HG丸ｺﾞｼｯｸM-PRO" pitchFamily="50" charset="-128"/>
                <a:ea typeface="HG丸ｺﾞｼｯｸM-PRO" pitchFamily="50" charset="-128"/>
              </a:rPr>
              <a:t>「</a:t>
            </a:r>
            <a:r>
              <a:rPr lang="ja-JP" altLang="en-US" sz="2800" b="1" dirty="0">
                <a:solidFill>
                  <a:srgbClr val="FF0000"/>
                </a:solidFill>
                <a:latin typeface="HG丸ｺﾞｼｯｸM-PRO" pitchFamily="50" charset="-128"/>
                <a:ea typeface="HG丸ｺﾞｼｯｸM-PRO" pitchFamily="50" charset="-128"/>
              </a:rPr>
              <a:t>架替えのマネジメント</a:t>
            </a:r>
            <a:r>
              <a:rPr lang="ja-JP" altLang="en-US" sz="2800" b="1" dirty="0">
                <a:latin typeface="HG丸ｺﾞｼｯｸM-PRO" pitchFamily="50" charset="-128"/>
                <a:ea typeface="HG丸ｺﾞｼｯｸM-PRO" pitchFamily="50" charset="-128"/>
              </a:rPr>
              <a:t>」を検討の必要</a:t>
            </a:r>
            <a:endParaRPr lang="en-US" altLang="ja-JP" sz="28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　・財政を圧迫する可能性の高い大規模架け替え</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　・民間資金の導入に期待</a:t>
            </a:r>
            <a:r>
              <a:rPr lang="en-US" altLang="ja-JP" sz="2000" b="1" dirty="0">
                <a:latin typeface="HG丸ｺﾞｼｯｸM-PRO" pitchFamily="50" charset="-128"/>
                <a:ea typeface="HG丸ｺﾞｼｯｸM-PRO" pitchFamily="50" charset="-128"/>
              </a:rPr>
              <a:t> </a:t>
            </a:r>
            <a:r>
              <a:rPr lang="ja-JP" altLang="en-US" sz="2000" b="1" dirty="0">
                <a:latin typeface="HG丸ｺﾞｼｯｸM-PRO" pitchFamily="50" charset="-128"/>
                <a:ea typeface="HG丸ｺﾞｼｯｸM-PRO" pitchFamily="50" charset="-128"/>
              </a:rPr>
              <a:t>　</a:t>
            </a:r>
            <a:r>
              <a:rPr lang="ja-JP" altLang="en-US" sz="2800" b="1" dirty="0">
                <a:latin typeface="HG丸ｺﾞｼｯｸM-PRO" pitchFamily="50" charset="-128"/>
                <a:ea typeface="HG丸ｺﾞｼｯｸM-PRO" pitchFamily="50" charset="-128"/>
              </a:rPr>
              <a:t>⇒「</a:t>
            </a:r>
            <a:r>
              <a:rPr lang="en-US" altLang="ja-JP" sz="2800" b="1" dirty="0">
                <a:latin typeface="HG丸ｺﾞｼｯｸM-PRO" pitchFamily="50" charset="-128"/>
                <a:ea typeface="HG丸ｺﾞｼｯｸM-PRO" pitchFamily="50" charset="-128"/>
              </a:rPr>
              <a:t>PPP/PFI</a:t>
            </a:r>
            <a:r>
              <a:rPr lang="ja-JP" altLang="en-US" sz="2800" b="1" dirty="0">
                <a:latin typeface="HG丸ｺﾞｼｯｸM-PRO" pitchFamily="50" charset="-128"/>
                <a:ea typeface="HG丸ｺﾞｼｯｸM-PRO" pitchFamily="50" charset="-128"/>
              </a:rPr>
              <a:t>」のチャンス</a:t>
            </a:r>
            <a:endParaRPr lang="en-US" altLang="ja-JP" sz="28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800" b="1" dirty="0">
                <a:latin typeface="HG丸ｺﾞｼｯｸM-PRO" pitchFamily="50" charset="-128"/>
                <a:ea typeface="HG丸ｺﾞｼｯｸM-PRO" pitchFamily="50" charset="-128"/>
              </a:rPr>
              <a:t>　・撤去＋新設＋マネジメント</a:t>
            </a:r>
            <a:endParaRPr lang="en-US" altLang="ja-JP" sz="2800" b="1" dirty="0">
              <a:latin typeface="HG丸ｺﾞｼｯｸM-PRO" pitchFamily="50" charset="-128"/>
              <a:ea typeface="HG丸ｺﾞｼｯｸM-PRO" pitchFamily="50" charset="-128"/>
            </a:endParaRPr>
          </a:p>
          <a:p>
            <a:pPr marL="0" indent="0" eaLnBrk="1" hangingPunct="1">
              <a:lnSpc>
                <a:spcPct val="80000"/>
              </a:lnSpc>
              <a:spcBef>
                <a:spcPct val="20000"/>
              </a:spcBef>
              <a:defRPr/>
            </a:pPr>
            <a:endParaRPr lang="en-US" altLang="ja-JP" sz="28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800" b="1" dirty="0">
                <a:latin typeface="HG丸ｺﾞｼｯｸM-PRO" pitchFamily="50" charset="-128"/>
                <a:ea typeface="HG丸ｺﾞｼｯｸM-PRO" pitchFamily="50" charset="-128"/>
              </a:rPr>
              <a:t>〇必ず来る、職員数の減少問題</a:t>
            </a:r>
            <a:endParaRPr lang="en-US" altLang="ja-JP" sz="2800" b="1" dirty="0">
              <a:latin typeface="HG丸ｺﾞｼｯｸM-PRO" pitchFamily="50" charset="-128"/>
              <a:ea typeface="HG丸ｺﾞｼｯｸM-PRO" pitchFamily="50" charset="-128"/>
            </a:endParaRPr>
          </a:p>
        </p:txBody>
      </p:sp>
      <p:sp>
        <p:nvSpPr>
          <p:cNvPr id="2" name="正方形/長方形 1"/>
          <p:cNvSpPr/>
          <p:nvPr/>
        </p:nvSpPr>
        <p:spPr>
          <a:xfrm>
            <a:off x="1847528" y="4078229"/>
            <a:ext cx="6984776" cy="1144929"/>
          </a:xfrm>
          <a:prstGeom prst="rect">
            <a:avLst/>
          </a:prstGeom>
        </p:spPr>
        <p:txBody>
          <a:bodyPr wrap="square">
            <a:spAutoFit/>
          </a:bodyPr>
          <a:lstStyle/>
          <a:p>
            <a:pPr>
              <a:lnSpc>
                <a:spcPct val="80000"/>
              </a:lnSpc>
              <a:spcBef>
                <a:spcPct val="20000"/>
              </a:spcBef>
              <a:defRPr/>
            </a:pPr>
            <a:endParaRPr lang="en-US" altLang="ja-JP" b="1" dirty="0">
              <a:latin typeface="HG丸ｺﾞｼｯｸM-PRO" pitchFamily="50" charset="-128"/>
              <a:ea typeface="HG丸ｺﾞｼｯｸM-PRO" pitchFamily="50" charset="-128"/>
            </a:endParaRPr>
          </a:p>
          <a:p>
            <a:pPr>
              <a:lnSpc>
                <a:spcPct val="80000"/>
              </a:lnSpc>
              <a:spcBef>
                <a:spcPct val="20000"/>
              </a:spcBef>
              <a:defRPr/>
            </a:pPr>
            <a:endParaRPr lang="en-US" altLang="ja-JP" b="1" dirty="0">
              <a:latin typeface="HG丸ｺﾞｼｯｸM-PRO" pitchFamily="50" charset="-128"/>
              <a:ea typeface="HG丸ｺﾞｼｯｸM-PRO" pitchFamily="50" charset="-128"/>
            </a:endParaRPr>
          </a:p>
          <a:p>
            <a:pPr>
              <a:lnSpc>
                <a:spcPct val="80000"/>
              </a:lnSpc>
              <a:spcBef>
                <a:spcPct val="20000"/>
              </a:spcBef>
              <a:defRPr/>
            </a:pPr>
            <a:endParaRPr lang="en-US" altLang="ja-JP" b="1" dirty="0">
              <a:latin typeface="HG丸ｺﾞｼｯｸM-PRO" pitchFamily="50" charset="-128"/>
              <a:ea typeface="HG丸ｺﾞｼｯｸM-PRO" pitchFamily="50" charset="-128"/>
            </a:endParaRPr>
          </a:p>
          <a:p>
            <a:pPr>
              <a:lnSpc>
                <a:spcPct val="80000"/>
              </a:lnSpc>
              <a:spcBef>
                <a:spcPct val="20000"/>
              </a:spcBef>
              <a:defRPr/>
            </a:pPr>
            <a:r>
              <a:rPr lang="ja-JP" altLang="en-US" b="1" dirty="0">
                <a:latin typeface="HG丸ｺﾞｼｯｸM-PRO" pitchFamily="50" charset="-128"/>
                <a:ea typeface="HG丸ｺﾞｼｯｸM-PRO" pitchFamily="50" charset="-128"/>
              </a:rPr>
              <a:t>　</a:t>
            </a:r>
            <a:endParaRPr lang="en-US" altLang="ja-JP" sz="2800" b="1" dirty="0">
              <a:latin typeface="HG丸ｺﾞｼｯｸM-PRO" pitchFamily="50" charset="-128"/>
              <a:ea typeface="HG丸ｺﾞｼｯｸM-PRO" pitchFamily="50" charset="-128"/>
            </a:endParaRPr>
          </a:p>
        </p:txBody>
      </p:sp>
      <p:sp>
        <p:nvSpPr>
          <p:cNvPr id="3" name="正方形/長方形 2"/>
          <p:cNvSpPr/>
          <p:nvPr/>
        </p:nvSpPr>
        <p:spPr>
          <a:xfrm>
            <a:off x="1555751" y="3119109"/>
            <a:ext cx="9605282" cy="3416320"/>
          </a:xfrm>
          <a:prstGeom prst="rect">
            <a:avLst/>
          </a:prstGeom>
        </p:spPr>
        <p:txBody>
          <a:bodyPr wrap="square">
            <a:spAutoFit/>
          </a:bodyPr>
          <a:lstStyle/>
          <a:p>
            <a:pPr>
              <a:defRPr/>
            </a:pPr>
            <a:endParaRPr lang="en-US" altLang="ja-JP" sz="2400" dirty="0">
              <a:latin typeface="+mn-ea"/>
              <a:ea typeface="HGP創英角ﾎﾟｯﾌﾟ体" panose="040B0A00000000000000" pitchFamily="50" charset="-128"/>
            </a:endParaRPr>
          </a:p>
          <a:p>
            <a:pPr>
              <a:lnSpc>
                <a:spcPct val="80000"/>
              </a:lnSpc>
              <a:spcBef>
                <a:spcPct val="20000"/>
              </a:spcBef>
              <a:defRPr/>
            </a:pPr>
            <a:endParaRPr lang="en-US" altLang="ja-JP" sz="2400" dirty="0">
              <a:latin typeface="+mn-ea"/>
              <a:ea typeface="HGP創英角ﾎﾟｯﾌﾟ体" panose="040B0A00000000000000" pitchFamily="50" charset="-128"/>
            </a:endParaRPr>
          </a:p>
          <a:p>
            <a:pPr>
              <a:lnSpc>
                <a:spcPct val="80000"/>
              </a:lnSpc>
              <a:spcBef>
                <a:spcPct val="20000"/>
              </a:spcBef>
              <a:defRPr/>
            </a:pPr>
            <a:r>
              <a:rPr lang="ja-JP" altLang="en-US" sz="2400" dirty="0">
                <a:latin typeface="+mn-ea"/>
                <a:ea typeface="HGP創英角ﾎﾟｯﾌﾟ体" panose="040B0A00000000000000" pitchFamily="50" charset="-128"/>
              </a:rPr>
              <a:t>　・発注業務の業務の合理化、負担軽減。</a:t>
            </a:r>
            <a:endParaRPr lang="en-US" altLang="ja-JP" sz="2400" dirty="0">
              <a:latin typeface="+mn-ea"/>
              <a:ea typeface="HGP創英角ﾎﾟｯﾌﾟ体" panose="040B0A00000000000000" pitchFamily="50" charset="-128"/>
            </a:endParaRPr>
          </a:p>
          <a:p>
            <a:pPr>
              <a:lnSpc>
                <a:spcPct val="80000"/>
              </a:lnSpc>
              <a:spcBef>
                <a:spcPct val="20000"/>
              </a:spcBef>
              <a:defRPr/>
            </a:pPr>
            <a:r>
              <a:rPr lang="ja-JP" altLang="en-US" sz="2400" b="1" dirty="0">
                <a:latin typeface="+mn-ea"/>
                <a:ea typeface="HGP創英角ﾎﾟｯﾌﾟ体" panose="040B0A00000000000000" pitchFamily="50" charset="-128"/>
              </a:rPr>
              <a:t>　（</a:t>
            </a:r>
            <a:r>
              <a:rPr lang="ja-JP" altLang="en-US" sz="2400" b="1" dirty="0">
                <a:latin typeface="HG丸ｺﾞｼｯｸM-PRO" pitchFamily="50" charset="-128"/>
                <a:ea typeface="HG丸ｺﾞｼｯｸM-PRO" pitchFamily="50" charset="-128"/>
              </a:rPr>
              <a:t>業務をまとめることによる効率化に期待）</a:t>
            </a:r>
            <a:endParaRPr lang="en-US" altLang="ja-JP" sz="2400" b="1" dirty="0">
              <a:latin typeface="HG丸ｺﾞｼｯｸM-PRO" pitchFamily="50" charset="-128"/>
              <a:ea typeface="HG丸ｺﾞｼｯｸM-PRO" pitchFamily="50" charset="-128"/>
            </a:endParaRPr>
          </a:p>
          <a:p>
            <a:pPr>
              <a:defRPr/>
            </a:pPr>
            <a:r>
              <a:rPr lang="ja-JP" altLang="en-US" sz="2400" dirty="0">
                <a:latin typeface="+mn-ea"/>
                <a:ea typeface="HGP創英角ﾎﾟｯﾌﾟ体" panose="040B0A00000000000000" pitchFamily="50" charset="-128"/>
              </a:rPr>
              <a:t>　・新技術や性能規定化などによる、合理化</a:t>
            </a:r>
            <a:endParaRPr lang="en-US" altLang="ja-JP" sz="2400" dirty="0">
              <a:latin typeface="+mn-ea"/>
              <a:ea typeface="HGP創英角ﾎﾟｯﾌﾟ体" panose="040B0A00000000000000" pitchFamily="50" charset="-128"/>
            </a:endParaRPr>
          </a:p>
          <a:p>
            <a:pPr>
              <a:defRPr/>
            </a:pPr>
            <a:r>
              <a:rPr lang="ja-JP" altLang="en-US" sz="2400" dirty="0">
                <a:latin typeface="+mn-ea"/>
                <a:ea typeface="HGP創英角ﾎﾟｯﾌﾟ体" panose="040B0A00000000000000" pitchFamily="50" charset="-128"/>
              </a:rPr>
              <a:t>　・民間活力の活用</a:t>
            </a:r>
            <a:r>
              <a:rPr lang="ja-JP" altLang="en-US" sz="2400" b="1" dirty="0">
                <a:latin typeface="HG丸ｺﾞｼｯｸM-PRO" pitchFamily="50" charset="-128"/>
                <a:ea typeface="HG丸ｺﾞｼｯｸM-PRO" pitchFamily="50" charset="-128"/>
              </a:rPr>
              <a:t>⇒「包括管理」のチャンス</a:t>
            </a:r>
            <a:endParaRPr lang="en-US" altLang="ja-JP" sz="2400" b="1" dirty="0">
              <a:latin typeface="HG丸ｺﾞｼｯｸM-PRO" pitchFamily="50" charset="-128"/>
              <a:ea typeface="HG丸ｺﾞｼｯｸM-PRO" pitchFamily="50" charset="-128"/>
            </a:endParaRPr>
          </a:p>
          <a:p>
            <a:pPr>
              <a:defRPr/>
            </a:pPr>
            <a:endParaRPr lang="en-US" altLang="ja-JP" sz="2400" b="1" dirty="0">
              <a:latin typeface="HG丸ｺﾞｼｯｸM-PRO" pitchFamily="50" charset="-128"/>
              <a:ea typeface="HG丸ｺﾞｼｯｸM-PRO" pitchFamily="50" charset="-128"/>
            </a:endParaRPr>
          </a:p>
          <a:p>
            <a:pPr>
              <a:defRPr/>
            </a:pPr>
            <a:r>
              <a:rPr lang="ja-JP" altLang="en-US" sz="2400" b="1" dirty="0">
                <a:latin typeface="HG丸ｺﾞｼｯｸM-PRO" pitchFamily="50" charset="-128"/>
                <a:ea typeface="HG丸ｺﾞｼｯｸM-PRO" pitchFamily="50" charset="-128"/>
              </a:rPr>
              <a:t>〇人材育成　時間がかかる。⇒実際はやれていない。</a:t>
            </a:r>
            <a:endParaRPr lang="en-US" altLang="ja-JP" sz="2400" b="1" dirty="0">
              <a:latin typeface="HG丸ｺﾞｼｯｸM-PRO" pitchFamily="50" charset="-128"/>
              <a:ea typeface="HG丸ｺﾞｼｯｸM-PRO" pitchFamily="50" charset="-128"/>
            </a:endParaRPr>
          </a:p>
          <a:p>
            <a:pPr>
              <a:defRPr/>
            </a:pPr>
            <a:endParaRPr lang="ja-JP" altLang="en-US" sz="2400" dirty="0">
              <a:latin typeface="HGP創英角ﾎﾟｯﾌﾟ体" panose="040B0A00000000000000" pitchFamily="50" charset="-128"/>
              <a:ea typeface="HGP創英角ﾎﾟｯﾌﾟ体" panose="040B0A00000000000000" pitchFamily="50" charset="-128"/>
            </a:endParaRPr>
          </a:p>
        </p:txBody>
      </p:sp>
    </p:spTree>
    <p:extLst>
      <p:ext uri="{BB962C8B-B14F-4D97-AF65-F5344CB8AC3E}">
        <p14:creationId xmlns:p14="http://schemas.microsoft.com/office/powerpoint/2010/main" val="1435757445"/>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スライド番号プレースホルダー 3">
            <a:extLst>
              <a:ext uri="{FF2B5EF4-FFF2-40B4-BE49-F238E27FC236}">
                <a16:creationId xmlns:a16="http://schemas.microsoft.com/office/drawing/2014/main" id="{CFA9BF2B-251B-D0B3-081C-84A3FCF78D58}"/>
              </a:ext>
            </a:extLst>
          </p:cNvPr>
          <p:cNvSpPr>
            <a:spLocks noGrp="1" noChangeArrowheads="1"/>
          </p:cNvSpPr>
          <p:nvPr>
            <p:ph type="sldNum" sz="quarter" idx="12"/>
          </p:nvPr>
        </p:nvSpPr>
        <p:spPr bwMode="auto">
          <a:xfrm>
            <a:off x="4648200" y="6356351"/>
            <a:ext cx="2895600"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fld id="{38AF6F64-28A9-41B8-B16A-F606F3439F9F}" type="slidenum">
              <a:rPr lang="ja-JP" altLang="en-US" sz="1200">
                <a:solidFill>
                  <a:srgbClr val="898989"/>
                </a:solidFill>
                <a:latin typeface="Arial" panose="020B0604020202020204" pitchFamily="34" charset="0"/>
              </a:rPr>
              <a:pPr algn="ctr">
                <a:spcBef>
                  <a:spcPct val="0"/>
                </a:spcBef>
                <a:buFontTx/>
                <a:buNone/>
              </a:pPr>
              <a:t>42</a:t>
            </a:fld>
            <a:endParaRPr lang="ja-JP" altLang="en-US" sz="1200">
              <a:solidFill>
                <a:srgbClr val="898989"/>
              </a:solidFill>
              <a:latin typeface="Arial" panose="020B0604020202020204" pitchFamily="34" charset="0"/>
            </a:endParaRPr>
          </a:p>
        </p:txBody>
      </p:sp>
      <p:sp>
        <p:nvSpPr>
          <p:cNvPr id="8195" name="Rectangle 8">
            <a:extLst>
              <a:ext uri="{FF2B5EF4-FFF2-40B4-BE49-F238E27FC236}">
                <a16:creationId xmlns:a16="http://schemas.microsoft.com/office/drawing/2014/main" id="{656C9569-B86F-8661-01C4-FAC034F30660}"/>
              </a:ext>
            </a:extLst>
          </p:cNvPr>
          <p:cNvSpPr>
            <a:spLocks noChangeArrowheads="1"/>
          </p:cNvSpPr>
          <p:nvPr/>
        </p:nvSpPr>
        <p:spPr bwMode="auto">
          <a:xfrm>
            <a:off x="1658939" y="428625"/>
            <a:ext cx="8785225"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endParaRPr lang="en-US" altLang="ja-JP" sz="3600" dirty="0">
              <a:solidFill>
                <a:srgbClr val="000000"/>
              </a:solidFill>
              <a:latin typeface="Arial" panose="020B0604020202020204" pitchFamily="34" charset="0"/>
              <a:ea typeface="HGPｺﾞｼｯｸE" panose="020B0900000000000000" pitchFamily="50" charset="-128"/>
            </a:endParaRPr>
          </a:p>
          <a:p>
            <a:pPr eaLnBrk="1" hangingPunct="1">
              <a:spcBef>
                <a:spcPct val="0"/>
              </a:spcBef>
              <a:buFontTx/>
              <a:buNone/>
            </a:pPr>
            <a:r>
              <a:rPr lang="ja-JP" altLang="en-US" sz="3600" dirty="0">
                <a:solidFill>
                  <a:srgbClr val="000000"/>
                </a:solidFill>
                <a:latin typeface="Arial" panose="020B0604020202020204" pitchFamily="34" charset="0"/>
                <a:ea typeface="HGPｺﾞｼｯｸE" panose="020B0900000000000000" pitchFamily="50" charset="-128"/>
              </a:rPr>
              <a:t>人財こそ！最重要</a:t>
            </a:r>
            <a:endParaRPr lang="en-US" altLang="ja-JP" sz="3600" dirty="0">
              <a:solidFill>
                <a:srgbClr val="000000"/>
              </a:solidFill>
              <a:latin typeface="Arial" panose="020B0604020202020204" pitchFamily="34" charset="0"/>
              <a:ea typeface="HGPｺﾞｼｯｸE" panose="020B0900000000000000" pitchFamily="50" charset="-128"/>
            </a:endParaRPr>
          </a:p>
          <a:p>
            <a:pPr eaLnBrk="1" hangingPunct="1">
              <a:spcBef>
                <a:spcPct val="0"/>
              </a:spcBef>
              <a:buFontTx/>
              <a:buNone/>
            </a:pPr>
            <a:r>
              <a:rPr lang="ja-JP" altLang="en-US" sz="3600" dirty="0">
                <a:solidFill>
                  <a:srgbClr val="000000"/>
                </a:solidFill>
                <a:latin typeface="Arial" panose="020B0604020202020204" pitchFamily="34" charset="0"/>
                <a:ea typeface="HGPｺﾞｼｯｸE" panose="020B0900000000000000" pitchFamily="50" charset="-128"/>
              </a:rPr>
              <a:t>職員教育　「植野塾」</a:t>
            </a:r>
            <a:endParaRPr lang="en-US" altLang="ja-JP" sz="3600" dirty="0">
              <a:solidFill>
                <a:srgbClr val="000000"/>
              </a:solidFill>
              <a:latin typeface="Arial" panose="020B0604020202020204" pitchFamily="34" charset="0"/>
              <a:ea typeface="HGPｺﾞｼｯｸE" panose="020B0900000000000000" pitchFamily="50" charset="-128"/>
            </a:endParaRPr>
          </a:p>
          <a:p>
            <a:pPr eaLnBrk="1" hangingPunct="1">
              <a:spcBef>
                <a:spcPct val="0"/>
              </a:spcBef>
              <a:buFontTx/>
              <a:buNone/>
            </a:pPr>
            <a:endParaRPr lang="ja-JP" altLang="en-US" sz="2800" dirty="0">
              <a:solidFill>
                <a:srgbClr val="000000"/>
              </a:solidFill>
              <a:latin typeface="Arial" panose="020B0604020202020204" pitchFamily="34" charset="0"/>
              <a:ea typeface="HGPｺﾞｼｯｸE" panose="020B0900000000000000" pitchFamily="50" charset="-128"/>
            </a:endParaRPr>
          </a:p>
        </p:txBody>
      </p:sp>
      <p:pic>
        <p:nvPicPr>
          <p:cNvPr id="8196" name="Picture 3" descr="\\toyama-city.local\17建設部\1730橋りょう保全\s1\橋りょう室共通\77ppt\橋りょうppt\ネタ写真等\計画係\植野塾写真\CIMG1498.JPG">
            <a:extLst>
              <a:ext uri="{FF2B5EF4-FFF2-40B4-BE49-F238E27FC236}">
                <a16:creationId xmlns:a16="http://schemas.microsoft.com/office/drawing/2014/main" id="{0A6BA18D-D96E-7804-3195-ADE472222B7F}"/>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24001" y="4540251"/>
            <a:ext cx="3294063" cy="2352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197" name="Picture 4" descr="\\toyama-city.local\17建設部\1730橋りょう保全\s1\橋りょう室共通\05写真\05その他\八田橋現場視察\20170801　AM　富山市どぼじょ\RIMG6968.JPG">
            <a:extLst>
              <a:ext uri="{FF2B5EF4-FFF2-40B4-BE49-F238E27FC236}">
                <a16:creationId xmlns:a16="http://schemas.microsoft.com/office/drawing/2014/main" id="{77FF2FB2-E8FA-78FD-0D5A-F30F624196B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527175" y="2211388"/>
            <a:ext cx="3263900" cy="2328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198" name="Rectangle 17">
            <a:extLst>
              <a:ext uri="{FF2B5EF4-FFF2-40B4-BE49-F238E27FC236}">
                <a16:creationId xmlns:a16="http://schemas.microsoft.com/office/drawing/2014/main" id="{6BC129B5-6D1D-CF35-C67A-CE08C1575ACE}"/>
              </a:ext>
            </a:extLst>
          </p:cNvPr>
          <p:cNvSpPr>
            <a:spLocks noChangeArrowheads="1"/>
          </p:cNvSpPr>
          <p:nvPr/>
        </p:nvSpPr>
        <p:spPr bwMode="auto">
          <a:xfrm>
            <a:off x="1527175" y="860425"/>
            <a:ext cx="4216400" cy="501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285750" indent="-28575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lnSpc>
                <a:spcPct val="80000"/>
              </a:lnSpc>
              <a:buFont typeface="Wingdings" panose="05000000000000000000" pitchFamily="2" charset="2"/>
              <a:buChar char="Ø"/>
            </a:pPr>
            <a:endParaRPr lang="en-US" altLang="ja-JP" sz="1800" b="1">
              <a:solidFill>
                <a:srgbClr val="323232"/>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pPr>
            <a:endParaRPr lang="en-US" altLang="ja-JP" sz="1800" b="1">
              <a:solidFill>
                <a:srgbClr val="323232"/>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pPr>
            <a:r>
              <a:rPr lang="ja-JP" altLang="en-US" sz="1800" b="1">
                <a:solidFill>
                  <a:srgbClr val="323232"/>
                </a:solidFill>
                <a:latin typeface="HG丸ｺﾞｼｯｸM-PRO" panose="020F0600000000000000" pitchFamily="50" charset="-128"/>
                <a:ea typeface="HG丸ｺﾞｼｯｸM-PRO" panose="020F0600000000000000" pitchFamily="50" charset="-128"/>
              </a:rPr>
              <a:t>インハウスエンジニア［職員］の育成により技術力の底上げ</a:t>
            </a:r>
            <a:endParaRPr lang="en-US" altLang="ja-JP" sz="1800" b="1">
              <a:solidFill>
                <a:srgbClr val="323232"/>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pPr>
            <a:r>
              <a:rPr lang="ja-JP" altLang="en-US" sz="1800" b="1">
                <a:solidFill>
                  <a:srgbClr val="323232"/>
                </a:solidFill>
                <a:latin typeface="HG丸ｺﾞｼｯｸM-PRO" panose="020F0600000000000000" pitchFamily="50" charset="-128"/>
                <a:ea typeface="HG丸ｺﾞｼｯｸM-PRO" panose="020F0600000000000000" pitchFamily="50" charset="-128"/>
              </a:rPr>
              <a:t>考える力、マネジメント能力を</a:t>
            </a:r>
            <a:endParaRPr lang="en-US" altLang="ja-JP" sz="1800" b="1">
              <a:solidFill>
                <a:srgbClr val="323232"/>
              </a:solidFill>
              <a:latin typeface="HG丸ｺﾞｼｯｸM-PRO" panose="020F0600000000000000" pitchFamily="50" charset="-128"/>
              <a:ea typeface="HG丸ｺﾞｼｯｸM-PRO" panose="020F0600000000000000" pitchFamily="50" charset="-128"/>
            </a:endParaRPr>
          </a:p>
        </p:txBody>
      </p:sp>
      <p:pic>
        <p:nvPicPr>
          <p:cNvPr id="8199" name="Picture 2">
            <a:extLst>
              <a:ext uri="{FF2B5EF4-FFF2-40B4-BE49-F238E27FC236}">
                <a16:creationId xmlns:a16="http://schemas.microsoft.com/office/drawing/2014/main" id="{00D2CB13-AD56-AC39-F2F2-6E3B6AB16032}"/>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80100" y="36513"/>
            <a:ext cx="4764088" cy="67500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cSld>
  <p:clrMapOvr>
    <a:masterClrMapping/>
  </p:clrMapOvr>
  <p:transition spd="slow"/>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AFE772F5-7CAA-0729-1D45-0D7E9D96F325}"/>
              </a:ext>
            </a:extLst>
          </p:cNvPr>
          <p:cNvPicPr>
            <a:picLocks noChangeAspect="1"/>
          </p:cNvPicPr>
          <p:nvPr/>
        </p:nvPicPr>
        <p:blipFill>
          <a:blip r:embed="rId2"/>
          <a:stretch>
            <a:fillRect/>
          </a:stretch>
        </p:blipFill>
        <p:spPr>
          <a:xfrm>
            <a:off x="2044071" y="747338"/>
            <a:ext cx="8103859" cy="5772944"/>
          </a:xfrm>
          <a:prstGeom prst="rect">
            <a:avLst/>
          </a:prstGeom>
        </p:spPr>
      </p:pic>
      <p:sp>
        <p:nvSpPr>
          <p:cNvPr id="3" name="テキスト ボックス 2">
            <a:extLst>
              <a:ext uri="{FF2B5EF4-FFF2-40B4-BE49-F238E27FC236}">
                <a16:creationId xmlns:a16="http://schemas.microsoft.com/office/drawing/2014/main" id="{211B6A74-24DC-2B56-3149-600EC688E50D}"/>
              </a:ext>
            </a:extLst>
          </p:cNvPr>
          <p:cNvSpPr txBox="1"/>
          <p:nvPr/>
        </p:nvSpPr>
        <p:spPr>
          <a:xfrm>
            <a:off x="2800298" y="250724"/>
            <a:ext cx="5570756" cy="415498"/>
          </a:xfrm>
          <a:prstGeom prst="rect">
            <a:avLst/>
          </a:prstGeom>
          <a:noFill/>
        </p:spPr>
        <p:txBody>
          <a:bodyPr wrap="none" rtlCol="0">
            <a:spAutoFit/>
          </a:bodyPr>
          <a:lstStyle/>
          <a:p>
            <a:r>
              <a:rPr lang="ja-JP" altLang="en-US" sz="2100" dirty="0"/>
              <a:t>技術の伝承のためにも！新規事業の必要性。</a:t>
            </a:r>
          </a:p>
        </p:txBody>
      </p:sp>
    </p:spTree>
    <p:extLst>
      <p:ext uri="{BB962C8B-B14F-4D97-AF65-F5344CB8AC3E}">
        <p14:creationId xmlns:p14="http://schemas.microsoft.com/office/powerpoint/2010/main" val="588392011"/>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スライド番号プレースホルダー 1"/>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3876A067-AA3A-4120-95A3-5664227EC1CF}" type="slidenum">
              <a:rPr lang="en-US" altLang="ja-JP" sz="1400">
                <a:latin typeface="Arial" panose="020B0604020202020204" pitchFamily="34" charset="0"/>
              </a:rPr>
              <a:pPr>
                <a:spcBef>
                  <a:spcPct val="0"/>
                </a:spcBef>
                <a:buFontTx/>
                <a:buNone/>
              </a:pPr>
              <a:t>44</a:t>
            </a:fld>
            <a:endParaRPr lang="en-US" altLang="ja-JP" sz="1400">
              <a:latin typeface="Arial" panose="020B0604020202020204" pitchFamily="34" charset="0"/>
            </a:endParaRPr>
          </a:p>
        </p:txBody>
      </p:sp>
      <p:sp>
        <p:nvSpPr>
          <p:cNvPr id="7171" name="角丸四角形 2"/>
          <p:cNvSpPr>
            <a:spLocks noChangeArrowheads="1"/>
          </p:cNvSpPr>
          <p:nvPr/>
        </p:nvSpPr>
        <p:spPr bwMode="auto">
          <a:xfrm>
            <a:off x="1524001" y="1"/>
            <a:ext cx="9136063" cy="692696"/>
          </a:xfrm>
          <a:prstGeom prst="roundRect">
            <a:avLst>
              <a:gd name="adj" fmla="val 16667"/>
            </a:avLst>
          </a:prstGeom>
          <a:solidFill>
            <a:schemeClr val="bg2"/>
          </a:solidFill>
          <a:ln w="9525" algn="ctr">
            <a:solidFill>
              <a:schemeClr val="tx1"/>
            </a:solidFill>
            <a:miter lim="800000"/>
            <a:headEnd/>
            <a:tailEnd/>
          </a:ln>
        </p:spPr>
        <p:txBody>
          <a:bodyPr wrap="none">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eaLnBrk="1" hangingPunct="1">
              <a:defRPr/>
            </a:pPr>
            <a:r>
              <a:rPr lang="ja-JP" altLang="en-US" sz="4400" b="1" spc="50" dirty="0">
                <a:ln w="11430"/>
                <a:effectLst>
                  <a:outerShdw blurRad="76200" dist="50800" dir="5400000" algn="tl" rotWithShape="0">
                    <a:srgbClr val="000000">
                      <a:alpha val="65000"/>
                    </a:srgbClr>
                  </a:outerShdw>
                </a:effectLst>
                <a:ea typeface="HGP創英角ﾎﾟｯﾌﾟ体" pitchFamily="50" charset="-128"/>
              </a:rPr>
              <a:t>最後に役所の直すべきところ</a:t>
            </a:r>
          </a:p>
        </p:txBody>
      </p:sp>
      <p:sp>
        <p:nvSpPr>
          <p:cNvPr id="6" name="角丸四角形 3"/>
          <p:cNvSpPr>
            <a:spLocks noChangeArrowheads="1"/>
          </p:cNvSpPr>
          <p:nvPr/>
        </p:nvSpPr>
        <p:spPr bwMode="auto">
          <a:xfrm>
            <a:off x="1500188" y="692150"/>
            <a:ext cx="9144001" cy="5761038"/>
          </a:xfrm>
          <a:prstGeom prst="roundRect">
            <a:avLst>
              <a:gd name="adj" fmla="val 16667"/>
            </a:avLst>
          </a:prstGeom>
          <a:noFill/>
          <a:ln w="9525" algn="ctr">
            <a:solidFill>
              <a:schemeClr val="tx1"/>
            </a:solidFill>
            <a:miter lim="800000"/>
            <a:headEnd/>
            <a:tailEnd/>
          </a:ln>
        </p:spPr>
        <p:txBody>
          <a:bodyPr wrap="none"/>
          <a:lstStyle/>
          <a:p>
            <a:pPr eaLnBrk="1" hangingPunct="1">
              <a:defRPr/>
            </a:pPr>
            <a:r>
              <a:rPr lang="ja-JP" altLang="en-US" sz="2400" b="1" dirty="0">
                <a:latin typeface="HG創英角ﾎﾟｯﾌﾟ体" panose="040B0A09000000000000" pitchFamily="49" charset="-128"/>
                <a:ea typeface="HG創英角ﾎﾟｯﾌﾟ体" panose="040B0A09000000000000" pitchFamily="49" charset="-128"/>
              </a:rPr>
              <a:t>●新たな考えになれない、いまだに作ることを！</a:t>
            </a:r>
            <a:endParaRPr lang="en-US" altLang="ja-JP" sz="2400" b="1" dirty="0">
              <a:latin typeface="HG創英角ﾎﾟｯﾌﾟ体" panose="040B0A09000000000000" pitchFamily="49" charset="-128"/>
              <a:ea typeface="HG創英角ﾎﾟｯﾌﾟ体" panose="040B0A09000000000000" pitchFamily="49" charset="-128"/>
            </a:endParaRPr>
          </a:p>
          <a:p>
            <a:pPr eaLnBrk="1" hangingPunct="1">
              <a:defRPr/>
            </a:pPr>
            <a:r>
              <a:rPr lang="ja-JP" altLang="en-US" sz="2400" b="1">
                <a:latin typeface="HG創英角ﾎﾟｯﾌﾟ体" panose="040B0A09000000000000" pitchFamily="49" charset="-128"/>
                <a:ea typeface="HG創英角ﾎﾟｯﾌﾟ体" panose="040B0A09000000000000" pitchFamily="49" charset="-128"/>
              </a:rPr>
              <a:t>　成長期の考えを現在も、し続ける。実績主義。</a:t>
            </a:r>
            <a:endParaRPr lang="en-US" altLang="ja-JP" sz="2400" b="1" dirty="0">
              <a:latin typeface="HG創英角ﾎﾟｯﾌﾟ体" panose="040B0A09000000000000" pitchFamily="49" charset="-128"/>
              <a:ea typeface="HG創英角ﾎﾟｯﾌﾟ体" panose="040B0A09000000000000" pitchFamily="49" charset="-128"/>
            </a:endParaRPr>
          </a:p>
          <a:p>
            <a:pPr algn="ctr" eaLnBrk="1" hangingPunct="1">
              <a:defRPr/>
            </a:pPr>
            <a:r>
              <a:rPr lang="ja-JP" altLang="en-US" sz="2800" b="1" dirty="0">
                <a:latin typeface="HG創英角ﾎﾟｯﾌﾟ体" panose="040B0A09000000000000" pitchFamily="49" charset="-128"/>
                <a:ea typeface="HG創英角ﾎﾟｯﾌﾟ体" panose="040B0A09000000000000" pitchFamily="49" charset="-128"/>
              </a:rPr>
              <a:t>　　　　　　　　　　　</a:t>
            </a:r>
            <a:endParaRPr lang="en-US" altLang="ja-JP" sz="2800" b="1" dirty="0">
              <a:latin typeface="HG創英角ﾎﾟｯﾌﾟ体" panose="040B0A09000000000000" pitchFamily="49" charset="-128"/>
              <a:ea typeface="HG創英角ﾎﾟｯﾌﾟ体" panose="040B0A09000000000000" pitchFamily="49" charset="-128"/>
            </a:endParaRPr>
          </a:p>
          <a:p>
            <a:pPr>
              <a:spcBef>
                <a:spcPct val="0"/>
              </a:spcBef>
            </a:pPr>
            <a:r>
              <a:rPr lang="ja-JP" altLang="en-US" sz="2800" b="1" dirty="0">
                <a:latin typeface="AR P丸ゴシック体M" pitchFamily="50" charset="-128"/>
                <a:ea typeface="AR P丸ゴシック体M" pitchFamily="50" charset="-128"/>
              </a:rPr>
              <a:t>・プライド　わかってないのに、わかったふり</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決められない。常に上を気にしてる。</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隠蔽主義　大したことないのに隠そうとする。</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学生の頃は優秀だったんだろうな！</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solidFill>
                  <a:srgbClr val="00B050"/>
                </a:solidFill>
                <a:latin typeface="AR P丸ゴシック体M" pitchFamily="50" charset="-128"/>
                <a:ea typeface="AR P丸ゴシック体M" pitchFamily="50" charset="-128"/>
              </a:rPr>
              <a:t>よろしければ、相談に乗ります。</a:t>
            </a:r>
            <a:endParaRPr lang="en-US" altLang="ja-JP" sz="2800" b="1" dirty="0">
              <a:solidFill>
                <a:srgbClr val="00B050"/>
              </a:solidFill>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　　</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ial" charset="0"/>
              <a:ea typeface="AR P丸ゴシック体M" pitchFamily="50" charset="-128"/>
            </a:endParaRPr>
          </a:p>
          <a:p>
            <a:pPr>
              <a:spcBef>
                <a:spcPct val="0"/>
              </a:spcBef>
            </a:pPr>
            <a:endParaRPr lang="en-US" altLang="ja-JP" sz="2800" dirty="0">
              <a:latin typeface="Arial" charset="0"/>
            </a:endParaRPr>
          </a:p>
          <a:p>
            <a:pPr>
              <a:spcBef>
                <a:spcPct val="0"/>
              </a:spcBef>
            </a:pPr>
            <a:r>
              <a:rPr lang="ja-JP" altLang="en-US" sz="2800" dirty="0">
                <a:latin typeface="Arial" charset="0"/>
              </a:rPr>
              <a:t>　　　　　　　　　　　</a:t>
            </a:r>
          </a:p>
          <a:p>
            <a:pPr algn="ctr" eaLnBrk="1" hangingPunct="1">
              <a:defRPr/>
            </a:pPr>
            <a:r>
              <a:rPr lang="ja-JP" altLang="en-US" sz="2800" b="1" dirty="0">
                <a:latin typeface="AR P丸ゴシック体M" pitchFamily="50" charset="-128"/>
                <a:ea typeface="AR P丸ゴシック体M" pitchFamily="50" charset="-128"/>
              </a:rPr>
              <a:t>　</a:t>
            </a:r>
            <a:endParaRPr lang="en-US" altLang="ja-JP" sz="2800" b="1" spc="50" dirty="0">
              <a:ln w="11430"/>
              <a:effectLst>
                <a:outerShdw blurRad="76200" dist="50800" dir="5400000" algn="tl" rotWithShape="0">
                  <a:srgbClr val="000000">
                    <a:alpha val="65000"/>
                  </a:srgbClr>
                </a:outerShdw>
              </a:effectLst>
              <a:latin typeface="HGS創英角ﾎﾟｯﾌﾟ体" pitchFamily="50" charset="-128"/>
              <a:ea typeface="HGS創英角ﾎﾟｯﾌﾟ体" pitchFamily="50" charset="-128"/>
            </a:endParaRPr>
          </a:p>
          <a:p>
            <a:pPr algn="ctr" eaLnBrk="1" hangingPunct="1">
              <a:defRPr/>
            </a:pPr>
            <a:endParaRPr lang="en-US" altLang="ja-JP" b="1" dirty="0">
              <a:latin typeface="AR P丸ゴシック体M" pitchFamily="50" charset="-128"/>
              <a:ea typeface="AR P丸ゴシック体M" pitchFamily="50" charset="-128"/>
            </a:endParaRPr>
          </a:p>
          <a:p>
            <a:pPr algn="ctr" eaLnBrk="1" hangingPunct="1">
              <a:defRPr/>
            </a:pPr>
            <a:r>
              <a:rPr lang="ja-JP" altLang="en-US" b="1" dirty="0">
                <a:latin typeface="AR P丸ゴシック体M" pitchFamily="50" charset="-128"/>
                <a:ea typeface="AR P丸ゴシック体M" pitchFamily="50" charset="-128"/>
              </a:rPr>
              <a:t>　　　</a:t>
            </a:r>
            <a:endParaRPr lang="en-US" altLang="ja-JP" b="1" dirty="0">
              <a:latin typeface="AR P丸ゴシック体M" pitchFamily="50" charset="-128"/>
              <a:ea typeface="AR P丸ゴシック体M" pitchFamily="50" charset="-128"/>
            </a:endParaRPr>
          </a:p>
          <a:p>
            <a:pPr algn="ctr" eaLnBrk="1" hangingPunct="1">
              <a:defRPr/>
            </a:pPr>
            <a:r>
              <a:rPr lang="ja-JP" altLang="en-US" sz="2800" dirty="0">
                <a:latin typeface="HGS創英角ﾎﾟｯﾌﾟ体" pitchFamily="50" charset="-128"/>
                <a:ea typeface="HGS創英角ﾎﾟｯﾌﾟ体" pitchFamily="50" charset="-128"/>
              </a:rPr>
              <a:t>　　　</a:t>
            </a:r>
          </a:p>
        </p:txBody>
      </p:sp>
    </p:spTree>
    <p:extLst>
      <p:ext uri="{BB962C8B-B14F-4D97-AF65-F5344CB8AC3E}">
        <p14:creationId xmlns:p14="http://schemas.microsoft.com/office/powerpoint/2010/main" val="156093418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0114" name="テキスト ボックス 1">
            <a:extLst>
              <a:ext uri="{FF2B5EF4-FFF2-40B4-BE49-F238E27FC236}">
                <a16:creationId xmlns:a16="http://schemas.microsoft.com/office/drawing/2014/main" id="{7C7C07A6-8D19-4978-7F61-E3A184F43B40}"/>
              </a:ext>
            </a:extLst>
          </p:cNvPr>
          <p:cNvSpPr txBox="1">
            <a:spLocks noChangeArrowheads="1"/>
          </p:cNvSpPr>
          <p:nvPr/>
        </p:nvSpPr>
        <p:spPr bwMode="auto">
          <a:xfrm>
            <a:off x="2927350" y="908050"/>
            <a:ext cx="5737468" cy="46166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4000" dirty="0">
                <a:latin typeface="Arial" panose="020B0604020202020204" pitchFamily="34" charset="0"/>
              </a:rPr>
              <a:t>お疲れさまでした</a:t>
            </a: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何かありましたらどうぞ</a:t>
            </a: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お気軽に申し付けください</a:t>
            </a: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1400" dirty="0">
              <a:latin typeface="Arial" panose="020B0604020202020204" pitchFamily="34" charset="0"/>
            </a:endParaRP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スライド番号プレースホルダ 3">
            <a:extLst>
              <a:ext uri="{FF2B5EF4-FFF2-40B4-BE49-F238E27FC236}">
                <a16:creationId xmlns:a16="http://schemas.microsoft.com/office/drawing/2014/main" id="{6BA7AA95-9720-95C3-502E-CF55AD9AC192}"/>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eaLnBrk="1" hangingPunct="1">
              <a:spcBef>
                <a:spcPct val="0"/>
              </a:spcBef>
              <a:buFontTx/>
              <a:buNone/>
            </a:pPr>
            <a:fld id="{0F138D1C-B23C-4C01-B937-8DCACEBB0C34}" type="slidenum">
              <a:rPr kumimoji="0" lang="ja-JP" altLang="en-US" sz="1400">
                <a:latin typeface="Tahoma" panose="020B0604030504040204" pitchFamily="34" charset="0"/>
              </a:rPr>
              <a:pPr algn="r" eaLnBrk="1" hangingPunct="1">
                <a:spcBef>
                  <a:spcPct val="0"/>
                </a:spcBef>
                <a:buFontTx/>
                <a:buNone/>
              </a:pPr>
              <a:t>5</a:t>
            </a:fld>
            <a:endParaRPr kumimoji="0" lang="ja-JP" altLang="en-US" sz="1400">
              <a:latin typeface="Tahoma" panose="020B0604030504040204" pitchFamily="34" charset="0"/>
            </a:endParaRPr>
          </a:p>
        </p:txBody>
      </p:sp>
      <p:sp>
        <p:nvSpPr>
          <p:cNvPr id="10243" name="Rectangle 2">
            <a:extLst>
              <a:ext uri="{FF2B5EF4-FFF2-40B4-BE49-F238E27FC236}">
                <a16:creationId xmlns:a16="http://schemas.microsoft.com/office/drawing/2014/main" id="{77A715CB-0A2F-E908-FE93-CA5C854FEFE1}"/>
              </a:ext>
            </a:extLst>
          </p:cNvPr>
          <p:cNvSpPr>
            <a:spLocks noChangeArrowheads="1"/>
          </p:cNvSpPr>
          <p:nvPr/>
        </p:nvSpPr>
        <p:spPr bwMode="auto">
          <a:xfrm>
            <a:off x="3700464" y="1843089"/>
            <a:ext cx="9566275"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2400">
              <a:latin typeface="Tahoma" panose="020B0604030504040204" pitchFamily="34" charset="0"/>
            </a:endParaRPr>
          </a:p>
        </p:txBody>
      </p:sp>
      <p:pic>
        <p:nvPicPr>
          <p:cNvPr id="10244" name="Picture 3">
            <a:extLst>
              <a:ext uri="{FF2B5EF4-FFF2-40B4-BE49-F238E27FC236}">
                <a16:creationId xmlns:a16="http://schemas.microsoft.com/office/drawing/2014/main" id="{B85443B0-080C-AC24-0F7E-1A0A5997350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057400" y="1419226"/>
            <a:ext cx="8610600" cy="4638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45" name="Oval 4">
            <a:extLst>
              <a:ext uri="{FF2B5EF4-FFF2-40B4-BE49-F238E27FC236}">
                <a16:creationId xmlns:a16="http://schemas.microsoft.com/office/drawing/2014/main" id="{2B713E3A-5292-D2E9-E18A-048FB2D406C0}"/>
              </a:ext>
            </a:extLst>
          </p:cNvPr>
          <p:cNvSpPr>
            <a:spLocks noChangeArrowheads="1"/>
          </p:cNvSpPr>
          <p:nvPr/>
        </p:nvSpPr>
        <p:spPr bwMode="auto">
          <a:xfrm>
            <a:off x="2208214" y="1"/>
            <a:ext cx="8053387" cy="1063625"/>
          </a:xfrm>
          <a:prstGeom prst="ellipse">
            <a:avLst/>
          </a:prstGeom>
          <a:solidFill>
            <a:srgbClr val="FFCC99"/>
          </a:solidFill>
          <a:ln w="9525">
            <a:solidFill>
              <a:schemeClr val="tx1"/>
            </a:solidFill>
            <a:round/>
            <a:headEnd/>
            <a:tailEnd/>
          </a:ln>
        </p:spPr>
        <p:txBody>
          <a:bodyPr wrap="none" anchor="ct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dirty="0">
                <a:latin typeface="Tahoma" panose="020B0604030504040204" pitchFamily="34" charset="0"/>
                <a:ea typeface="HGP創英角ﾎﾟｯﾌﾟ体" panose="040B0A00000000000000" pitchFamily="50" charset="-128"/>
              </a:rPr>
              <a:t>コンサルタントの将来</a:t>
            </a:r>
          </a:p>
          <a:p>
            <a:pPr algn="ctr" eaLnBrk="1" hangingPunct="1">
              <a:spcBef>
                <a:spcPct val="0"/>
              </a:spcBef>
              <a:buFontTx/>
              <a:buNone/>
            </a:pPr>
            <a:r>
              <a:rPr lang="ja-JP" altLang="en-US" dirty="0">
                <a:latin typeface="Tahoma" panose="020B0604030504040204" pitchFamily="34" charset="0"/>
                <a:ea typeface="HGP創英角ﾎﾟｯﾌﾟ体" panose="040B0A00000000000000" pitchFamily="50" charset="-128"/>
              </a:rPr>
              <a:t>（建設コンサルタント協会の案）</a:t>
            </a:r>
          </a:p>
        </p:txBody>
      </p:sp>
      <p:sp>
        <p:nvSpPr>
          <p:cNvPr id="10246" name="Text Box 5">
            <a:extLst>
              <a:ext uri="{FF2B5EF4-FFF2-40B4-BE49-F238E27FC236}">
                <a16:creationId xmlns:a16="http://schemas.microsoft.com/office/drawing/2014/main" id="{7620BEE9-6B89-6F56-EF6F-A3788F97AB11}"/>
              </a:ext>
            </a:extLst>
          </p:cNvPr>
          <p:cNvSpPr txBox="1">
            <a:spLocks noChangeArrowheads="1"/>
          </p:cNvSpPr>
          <p:nvPr/>
        </p:nvSpPr>
        <p:spPr bwMode="auto">
          <a:xfrm>
            <a:off x="3343275" y="6124575"/>
            <a:ext cx="18415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2400">
              <a:latin typeface="Tahoma" panose="020B0604030504040204" pitchFamily="34" charset="0"/>
            </a:endParaRPr>
          </a:p>
        </p:txBody>
      </p:sp>
      <p:sp>
        <p:nvSpPr>
          <p:cNvPr id="10247" name="Text Box 6">
            <a:extLst>
              <a:ext uri="{FF2B5EF4-FFF2-40B4-BE49-F238E27FC236}">
                <a16:creationId xmlns:a16="http://schemas.microsoft.com/office/drawing/2014/main" id="{F27F7C7E-43DA-A365-8619-F9C6B0E24C41}"/>
              </a:ext>
            </a:extLst>
          </p:cNvPr>
          <p:cNvSpPr txBox="1">
            <a:spLocks noChangeArrowheads="1"/>
          </p:cNvSpPr>
          <p:nvPr/>
        </p:nvSpPr>
        <p:spPr bwMode="auto">
          <a:xfrm>
            <a:off x="3178176" y="6145213"/>
            <a:ext cx="4314825"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400" dirty="0">
                <a:latin typeface="Tahoma" panose="020B0604030504040204" pitchFamily="34" charset="0"/>
              </a:rPr>
              <a:t>建設コンサルタント改革宣言より</a:t>
            </a: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スライド番号プレースホルダー 1">
            <a:extLst>
              <a:ext uri="{FF2B5EF4-FFF2-40B4-BE49-F238E27FC236}">
                <a16:creationId xmlns:a16="http://schemas.microsoft.com/office/drawing/2014/main" id="{2D24547B-B32D-C89B-26CB-EB795343D39D}"/>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eaLnBrk="1" hangingPunct="1">
              <a:spcBef>
                <a:spcPct val="0"/>
              </a:spcBef>
              <a:buFontTx/>
              <a:buNone/>
            </a:pPr>
            <a:fld id="{2C0EB348-A82B-440C-96F7-7344CAF37390}" type="slidenum">
              <a:rPr lang="en-US" altLang="ja-JP" sz="1400">
                <a:latin typeface="Arial" panose="020B0604020202020204" pitchFamily="34" charset="0"/>
              </a:rPr>
              <a:pPr algn="r" eaLnBrk="1" hangingPunct="1">
                <a:spcBef>
                  <a:spcPct val="0"/>
                </a:spcBef>
                <a:buFontTx/>
                <a:buNone/>
              </a:pPr>
              <a:t>6</a:t>
            </a:fld>
            <a:endParaRPr lang="en-US" altLang="ja-JP" sz="1400">
              <a:latin typeface="Arial" panose="020B0604020202020204" pitchFamily="34" charset="0"/>
            </a:endParaRPr>
          </a:p>
        </p:txBody>
      </p:sp>
      <p:sp>
        <p:nvSpPr>
          <p:cNvPr id="7171" name="角丸四角形 2">
            <a:extLst>
              <a:ext uri="{FF2B5EF4-FFF2-40B4-BE49-F238E27FC236}">
                <a16:creationId xmlns:a16="http://schemas.microsoft.com/office/drawing/2014/main" id="{90118ADB-D7BA-66DF-4426-BD0428F6A898}"/>
              </a:ext>
            </a:extLst>
          </p:cNvPr>
          <p:cNvSpPr>
            <a:spLocks noChangeArrowheads="1"/>
          </p:cNvSpPr>
          <p:nvPr/>
        </p:nvSpPr>
        <p:spPr bwMode="auto">
          <a:xfrm>
            <a:off x="1524000" y="160339"/>
            <a:ext cx="9144000" cy="1029833"/>
          </a:xfrm>
          <a:prstGeom prst="roundRect">
            <a:avLst>
              <a:gd name="adj" fmla="val 16667"/>
            </a:avLst>
          </a:prstGeom>
          <a:solidFill>
            <a:schemeClr val="tx2">
              <a:lumMod val="20000"/>
              <a:lumOff val="80000"/>
            </a:schemeClr>
          </a:solidFill>
          <a:ln w="9525" algn="ctr">
            <a:solidFill>
              <a:schemeClr val="tx1"/>
            </a:solidFill>
            <a:miter lim="800000"/>
            <a:headEnd/>
            <a:tailEnd/>
          </a:ln>
        </p:spPr>
        <p:txBody>
          <a:bodyPr wrap="none">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defRPr/>
            </a:pPr>
            <a:r>
              <a:rPr lang="ja-JP" altLang="en-US" sz="3600" b="1" dirty="0">
                <a:ln w="11430"/>
                <a:effectLst>
                  <a:outerShdw blurRad="50800" dist="39000" dir="5460000" algn="tl">
                    <a:srgbClr val="000000">
                      <a:alpha val="38000"/>
                    </a:srgbClr>
                  </a:outerShdw>
                </a:effectLst>
                <a:latin typeface="HG創英角ﾎﾟｯﾌﾟ体" panose="040B0A09000000000000" pitchFamily="49" charset="-128"/>
                <a:ea typeface="HG創英角ﾎﾟｯﾌﾟ体" panose="040B0A09000000000000" pitchFamily="49" charset="-128"/>
              </a:rPr>
              <a:t>日本の「コンサルタント」の歴史</a:t>
            </a:r>
            <a:endParaRPr lang="en-US" altLang="ja-JP" sz="36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HG創英角ﾎﾟｯﾌﾟ体" panose="040B0A09000000000000" pitchFamily="49" charset="-128"/>
              <a:ea typeface="HG創英角ﾎﾟｯﾌﾟ体" panose="040B0A09000000000000" pitchFamily="49" charset="-128"/>
            </a:endParaRPr>
          </a:p>
        </p:txBody>
      </p:sp>
      <p:sp>
        <p:nvSpPr>
          <p:cNvPr id="6148" name="角丸四角形 3">
            <a:extLst>
              <a:ext uri="{FF2B5EF4-FFF2-40B4-BE49-F238E27FC236}">
                <a16:creationId xmlns:a16="http://schemas.microsoft.com/office/drawing/2014/main" id="{96915186-C960-8BF5-8090-0E26976F0ACB}"/>
              </a:ext>
            </a:extLst>
          </p:cNvPr>
          <p:cNvSpPr>
            <a:spLocks noChangeArrowheads="1"/>
          </p:cNvSpPr>
          <p:nvPr/>
        </p:nvSpPr>
        <p:spPr bwMode="auto">
          <a:xfrm>
            <a:off x="1524000" y="1190626"/>
            <a:ext cx="9144000" cy="5667375"/>
          </a:xfrm>
          <a:prstGeom prst="roundRect">
            <a:avLst>
              <a:gd name="adj" fmla="val 16667"/>
            </a:avLst>
          </a:prstGeom>
          <a:solidFill>
            <a:schemeClr val="accent3">
              <a:lumMod val="20000"/>
              <a:lumOff val="80000"/>
            </a:schemeClr>
          </a:solidFill>
          <a:ln w="9525" algn="ctr">
            <a:solidFill>
              <a:schemeClr val="tx1"/>
            </a:solidFill>
            <a:miter lim="800000"/>
            <a:headEnd/>
            <a:tailEnd/>
          </a:ln>
        </p:spPr>
        <p:txBody>
          <a:bodyPr wrap="none"/>
          <a:lstStyle/>
          <a:p>
            <a:pPr algn="l">
              <a:defRPr/>
            </a:pPr>
            <a:r>
              <a:rPr lang="ja-JP" altLang="en-US" sz="2400" dirty="0">
                <a:latin typeface="HG丸ｺﾞｼｯｸM-PRO" panose="020F0600000000000000" pitchFamily="50" charset="-128"/>
                <a:ea typeface="HG丸ｺﾞｼｯｸM-PRO" panose="020F0600000000000000" pitchFamily="50" charset="-128"/>
              </a:rPr>
              <a:t>●明治時代から昭和初期</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インハウス・エンジニアによる「直営設計」が主流</a:t>
            </a:r>
            <a:endParaRPr lang="en-US" altLang="ja-JP" sz="2400" dirty="0">
              <a:latin typeface="HG丸ｺﾞｼｯｸM-PRO" panose="020F0600000000000000" pitchFamily="50" charset="-128"/>
              <a:ea typeface="HG丸ｺﾞｼｯｸM-PRO" panose="020F0600000000000000" pitchFamily="50" charset="-128"/>
            </a:endParaRPr>
          </a:p>
          <a:p>
            <a:pPr algn="l">
              <a:defRPr/>
            </a:pP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高度成長期の事業量の増加</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a:t>
            </a:r>
            <a:r>
              <a:rPr lang="ja-JP" altLang="en-US" sz="2400" b="1" dirty="0">
                <a:latin typeface="HG丸ｺﾞｼｯｸM-PRO" panose="020F0600000000000000" pitchFamily="50" charset="-128"/>
                <a:ea typeface="HG丸ｺﾞｼｯｸM-PRO" panose="020F0600000000000000" pitchFamily="50" charset="-128"/>
              </a:rPr>
              <a:t>日本のコンサルタントの誕生⇒設計業務のお手伝い</a:t>
            </a:r>
            <a:endParaRPr lang="en-US" altLang="ja-JP" sz="2400" b="1" dirty="0">
              <a:latin typeface="HG丸ｺﾞｼｯｸM-PRO" panose="020F0600000000000000" pitchFamily="50" charset="-128"/>
              <a:ea typeface="HG丸ｺﾞｼｯｸM-PRO" panose="020F0600000000000000" pitchFamily="50" charset="-128"/>
            </a:endParaRPr>
          </a:p>
          <a:p>
            <a:pPr algn="l">
              <a:defRPr/>
            </a:pP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仕様設計</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技術力の低い会社、技術者がやっても、基準（仕様）</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がきっちり決まっていれば、事故につながる、</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大きな間違いは無い。（設計レベルの平準化）</a:t>
            </a:r>
            <a:endParaRPr lang="en-US" altLang="ja-JP" sz="2400" dirty="0">
              <a:latin typeface="HG丸ｺﾞｼｯｸM-PRO" panose="020F0600000000000000" pitchFamily="50" charset="-128"/>
              <a:ea typeface="HG丸ｺﾞｼｯｸM-PRO" panose="020F0600000000000000" pitchFamily="50" charset="-128"/>
            </a:endParaRPr>
          </a:p>
          <a:p>
            <a:pPr algn="l">
              <a:defRPr/>
            </a:pP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これは、先進国では日本だけ。</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技術者教育の課題　⇒技術者教育問題に原因</a:t>
            </a:r>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スライド番号プレースホルダー 1">
            <a:extLst>
              <a:ext uri="{FF2B5EF4-FFF2-40B4-BE49-F238E27FC236}">
                <a16:creationId xmlns:a16="http://schemas.microsoft.com/office/drawing/2014/main" id="{5949E384-F4F2-C533-E45F-E4414B9F4E1C}"/>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eaLnBrk="1" hangingPunct="1">
              <a:spcBef>
                <a:spcPct val="0"/>
              </a:spcBef>
              <a:buFontTx/>
              <a:buNone/>
            </a:pPr>
            <a:fld id="{E201B6CD-DBEB-4FFF-93BE-690C13B5423F}" type="slidenum">
              <a:rPr lang="en-US" altLang="ja-JP" sz="1400">
                <a:latin typeface="Arial" panose="020B0604020202020204" pitchFamily="34" charset="0"/>
              </a:rPr>
              <a:pPr algn="r" eaLnBrk="1" hangingPunct="1">
                <a:spcBef>
                  <a:spcPct val="0"/>
                </a:spcBef>
                <a:buFontTx/>
                <a:buNone/>
              </a:pPr>
              <a:t>7</a:t>
            </a:fld>
            <a:endParaRPr lang="en-US" altLang="ja-JP" sz="1400">
              <a:latin typeface="Arial" panose="020B0604020202020204" pitchFamily="34" charset="0"/>
            </a:endParaRPr>
          </a:p>
        </p:txBody>
      </p:sp>
      <p:sp>
        <p:nvSpPr>
          <p:cNvPr id="7171" name="角丸四角形 2">
            <a:extLst>
              <a:ext uri="{FF2B5EF4-FFF2-40B4-BE49-F238E27FC236}">
                <a16:creationId xmlns:a16="http://schemas.microsoft.com/office/drawing/2014/main" id="{F550C650-15E6-2CF1-C466-74926A189FE6}"/>
              </a:ext>
            </a:extLst>
          </p:cNvPr>
          <p:cNvSpPr>
            <a:spLocks noChangeArrowheads="1"/>
          </p:cNvSpPr>
          <p:nvPr/>
        </p:nvSpPr>
        <p:spPr bwMode="auto">
          <a:xfrm>
            <a:off x="1683657" y="160339"/>
            <a:ext cx="8810173" cy="738821"/>
          </a:xfrm>
          <a:prstGeom prst="roundRect">
            <a:avLst>
              <a:gd name="adj" fmla="val 16667"/>
            </a:avLst>
          </a:prstGeom>
          <a:solidFill>
            <a:schemeClr val="tx2">
              <a:lumMod val="20000"/>
              <a:lumOff val="80000"/>
            </a:schemeClr>
          </a:solidFill>
          <a:ln w="9525" algn="ctr">
            <a:solidFill>
              <a:schemeClr val="tx1"/>
            </a:solidFill>
            <a:miter lim="800000"/>
            <a:headEnd/>
            <a:tailEnd/>
          </a:ln>
        </p:spPr>
        <p:txBody>
          <a:bodyPr wrap="none">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defRPr/>
            </a:pPr>
            <a:r>
              <a:rPr lang="ja-JP" altLang="en-US" sz="3200" spc="50" dirty="0">
                <a:ln w="11430"/>
                <a:effectLst>
                  <a:outerShdw blurRad="76200" dist="50800" dir="5400000" algn="tl" rotWithShape="0">
                    <a:srgbClr val="000000">
                      <a:alpha val="65000"/>
                    </a:srgbClr>
                  </a:outerShdw>
                </a:effectLst>
                <a:latin typeface="HG丸ｺﾞｼｯｸM-PRO" panose="020F0600000000000000" pitchFamily="50" charset="-128"/>
                <a:ea typeface="HG丸ｺﾞｼｯｸM-PRO" panose="020F0600000000000000" pitchFamily="50" charset="-128"/>
              </a:rPr>
              <a:t>対応策</a:t>
            </a:r>
            <a:endParaRPr lang="en-US" altLang="ja-JP" sz="3200" spc="50" dirty="0">
              <a:ln w="11430"/>
              <a:effectLst>
                <a:outerShdw blurRad="76200" dist="50800" dir="5400000" algn="tl" rotWithShape="0">
                  <a:srgbClr val="000000">
                    <a:alpha val="65000"/>
                  </a:srgbClr>
                </a:outerShdw>
              </a:effectLst>
              <a:latin typeface="HG丸ｺﾞｼｯｸM-PRO" panose="020F0600000000000000" pitchFamily="50" charset="-128"/>
              <a:ea typeface="HG丸ｺﾞｼｯｸM-PRO" panose="020F0600000000000000" pitchFamily="50" charset="-128"/>
            </a:endParaRPr>
          </a:p>
          <a:p>
            <a:pPr>
              <a:defRPr/>
            </a:pPr>
            <a:endParaRPr lang="ja-JP" altLang="en-US" sz="2800" b="1" spc="50" dirty="0">
              <a:ln w="11430"/>
              <a:gradFill>
                <a:gsLst>
                  <a:gs pos="25000">
                    <a:schemeClr val="accent2">
                      <a:satMod val="155000"/>
                    </a:schemeClr>
                  </a:gs>
                  <a:gs pos="100000">
                    <a:schemeClr val="accent2">
                      <a:shade val="45000"/>
                      <a:satMod val="165000"/>
                    </a:schemeClr>
                  </a:gs>
                </a:gsLst>
                <a:lin ang="5400000"/>
              </a:gradFill>
              <a:effectLst>
                <a:outerShdw blurRad="76200" dist="50800" dir="5400000" algn="tl" rotWithShape="0">
                  <a:srgbClr val="000000">
                    <a:alpha val="65000"/>
                  </a:srgbClr>
                </a:outerShdw>
              </a:effectLst>
              <a:latin typeface="HGP創英角ﾎﾟｯﾌﾟ体" panose="040B0A00000000000000" pitchFamily="50" charset="-128"/>
              <a:ea typeface="HGP創英角ﾎﾟｯﾌﾟ体" panose="040B0A00000000000000" pitchFamily="50" charset="-128"/>
            </a:endParaRPr>
          </a:p>
        </p:txBody>
      </p:sp>
      <p:sp>
        <p:nvSpPr>
          <p:cNvPr id="6148" name="角丸四角形 3">
            <a:extLst>
              <a:ext uri="{FF2B5EF4-FFF2-40B4-BE49-F238E27FC236}">
                <a16:creationId xmlns:a16="http://schemas.microsoft.com/office/drawing/2014/main" id="{467725A1-C448-4257-51EC-A72F9C3358C0}"/>
              </a:ext>
            </a:extLst>
          </p:cNvPr>
          <p:cNvSpPr>
            <a:spLocks noChangeArrowheads="1"/>
          </p:cNvSpPr>
          <p:nvPr/>
        </p:nvSpPr>
        <p:spPr bwMode="auto">
          <a:xfrm>
            <a:off x="1523999" y="950494"/>
            <a:ext cx="9144001" cy="5667375"/>
          </a:xfrm>
          <a:prstGeom prst="roundRect">
            <a:avLst>
              <a:gd name="adj" fmla="val 16667"/>
            </a:avLst>
          </a:prstGeom>
          <a:solidFill>
            <a:schemeClr val="accent3">
              <a:lumMod val="20000"/>
              <a:lumOff val="80000"/>
            </a:schemeClr>
          </a:solidFill>
          <a:ln w="9525" algn="ctr">
            <a:solidFill>
              <a:schemeClr val="tx1"/>
            </a:solidFill>
            <a:miter lim="800000"/>
            <a:headEnd/>
            <a:tailEnd/>
          </a:ln>
        </p:spPr>
        <p:txBody>
          <a:bodyPr wrap="none"/>
          <a:lstStyle/>
          <a:p>
            <a:pPr algn="l">
              <a:defRPr/>
            </a:pPr>
            <a:r>
              <a:rPr lang="ja-JP" altLang="en-US" sz="2400" dirty="0">
                <a:latin typeface="HG丸ｺﾞｼｯｸM-PRO" panose="020F0600000000000000" pitchFamily="50" charset="-128"/>
                <a:ea typeface="HG丸ｺﾞｼｯｸM-PRO" panose="020F0600000000000000" pitchFamily="50" charset="-128"/>
              </a:rPr>
              <a:t>●実績を創っていく戦略（企業と技術者個人）</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根拠のない「技術力が有る」という思い込み</a:t>
            </a:r>
            <a:endParaRPr lang="en-US" altLang="ja-JP" sz="2400" dirty="0">
              <a:solidFill>
                <a:srgbClr val="FF0000"/>
              </a:solidFill>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危険である。（こういう企業を沢山見てきた）</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学習の重要性」</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若手の教育問題は官民ともに、悩みどころ</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技術者教育が本当にできているか？やれているか？</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競争」</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企業戦略を固め、対応。</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技術者として</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業務だけやってきた方は、「それなり」。</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技術論に裏付けされた、「感性」を磨く</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技術者としての修羅場の経験</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世の中には、本当にすごい人が居る！！</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solidFill>
                  <a:srgbClr val="FF0000"/>
                </a:solidFill>
                <a:latin typeface="HG丸ｺﾞｼｯｸM-PRO" panose="020F0600000000000000" pitchFamily="50" charset="-128"/>
                <a:ea typeface="HG丸ｺﾞｼｯｸM-PRO" panose="020F0600000000000000" pitchFamily="50" charset="-128"/>
              </a:rPr>
              <a:t>　　　技術者は常に学ばなければ生き残れない。</a:t>
            </a:r>
            <a:endParaRPr lang="en-US" altLang="ja-JP" sz="2400" dirty="0">
              <a:solidFill>
                <a:srgbClr val="FF0000"/>
              </a:solidFill>
              <a:latin typeface="HG丸ｺﾞｼｯｸM-PRO" panose="020F0600000000000000" pitchFamily="50" charset="-128"/>
              <a:ea typeface="HG丸ｺﾞｼｯｸM-PRO" panose="020F0600000000000000" pitchFamily="50" charset="-128"/>
            </a:endParaRPr>
          </a:p>
          <a:p>
            <a:pPr algn="l">
              <a:defRPr/>
            </a:pPr>
            <a:r>
              <a:rPr lang="ja-JP" altLang="en-US" b="1" dirty="0">
                <a:latin typeface="HG丸ｺﾞｼｯｸM-PRO" panose="020F0600000000000000" pitchFamily="50" charset="-128"/>
                <a:ea typeface="HG丸ｺﾞｼｯｸM-PRO" panose="020F0600000000000000" pitchFamily="50" charset="-128"/>
              </a:rPr>
              <a:t>　　</a:t>
            </a:r>
            <a:endParaRPr lang="en-US" altLang="ja-JP" b="1" dirty="0">
              <a:latin typeface="HG丸ｺﾞｼｯｸM-PRO" panose="020F0600000000000000" pitchFamily="50" charset="-128"/>
              <a:ea typeface="HG丸ｺﾞｼｯｸM-PRO" panose="020F0600000000000000" pitchFamily="50" charset="-128"/>
            </a:endParaRPr>
          </a:p>
          <a:p>
            <a:pPr>
              <a:defRPr/>
            </a:pPr>
            <a:endParaRPr lang="en-US" altLang="ja-JP" b="1" dirty="0">
              <a:latin typeface="AR P丸ゴシック体M" pitchFamily="50" charset="-128"/>
              <a:ea typeface="AR P丸ゴシック体M" pitchFamily="50" charset="-128"/>
            </a:endParaRPr>
          </a:p>
          <a:p>
            <a:pPr>
              <a:defRPr/>
            </a:pPr>
            <a:r>
              <a:rPr lang="ja-JP" altLang="en-US" b="1" dirty="0">
                <a:latin typeface="AR P丸ゴシック体M" pitchFamily="50" charset="-128"/>
                <a:ea typeface="AR P丸ゴシック体M" pitchFamily="50" charset="-128"/>
              </a:rPr>
              <a:t>　　　</a:t>
            </a:r>
            <a:endParaRPr lang="en-US" altLang="ja-JP" b="1" spc="50" dirty="0">
              <a:ln w="11430"/>
              <a:effectLst>
                <a:outerShdw blurRad="76200" dist="50800" dir="5400000" algn="tl" rotWithShape="0">
                  <a:srgbClr val="000000">
                    <a:alpha val="65000"/>
                  </a:srgbClr>
                </a:outerShdw>
              </a:effectLst>
              <a:latin typeface="HGS創英角ﾎﾟｯﾌﾟ体" pitchFamily="50" charset="-128"/>
              <a:ea typeface="HGS創英角ﾎﾟｯﾌﾟ体" pitchFamily="50" charset="-128"/>
            </a:endParaRPr>
          </a:p>
          <a:p>
            <a:pPr>
              <a:defRPr/>
            </a:pPr>
            <a:endParaRPr lang="en-US" altLang="ja-JP" b="1" dirty="0">
              <a:latin typeface="AR P丸ゴシック体M" pitchFamily="50" charset="-128"/>
              <a:ea typeface="AR P丸ゴシック体M" pitchFamily="50" charset="-128"/>
            </a:endParaRPr>
          </a:p>
          <a:p>
            <a:pPr>
              <a:defRPr/>
            </a:pPr>
            <a:r>
              <a:rPr lang="ja-JP" altLang="en-US" b="1" dirty="0">
                <a:latin typeface="AR P丸ゴシック体M" pitchFamily="50" charset="-128"/>
                <a:ea typeface="AR P丸ゴシック体M" pitchFamily="50" charset="-128"/>
              </a:rPr>
              <a:t>　　　</a:t>
            </a:r>
            <a:endParaRPr lang="en-US" altLang="ja-JP" b="1" dirty="0">
              <a:latin typeface="AR P丸ゴシック体M" pitchFamily="50" charset="-128"/>
              <a:ea typeface="AR P丸ゴシック体M" pitchFamily="50" charset="-128"/>
            </a:endParaRPr>
          </a:p>
          <a:p>
            <a:pPr>
              <a:defRPr/>
            </a:pPr>
            <a:r>
              <a:rPr lang="ja-JP" altLang="en-US" sz="2800" dirty="0">
                <a:latin typeface="HGS創英角ﾎﾟｯﾌﾟ体" pitchFamily="50" charset="-128"/>
                <a:ea typeface="HGS創英角ﾎﾟｯﾌﾟ体" pitchFamily="50" charset="-128"/>
              </a:rPr>
              <a:t>　　　</a:t>
            </a: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スライド番号プレースホルダ 3">
            <a:extLst>
              <a:ext uri="{FF2B5EF4-FFF2-40B4-BE49-F238E27FC236}">
                <a16:creationId xmlns:a16="http://schemas.microsoft.com/office/drawing/2014/main" id="{77E8A5CC-5D1D-BA79-2B35-E881000B7947}"/>
              </a:ext>
            </a:extLst>
          </p:cNvPr>
          <p:cNvSpPr txBox="1">
            <a:spLocks/>
          </p:cNvSpPr>
          <p:nvPr/>
        </p:nvSpPr>
        <p:spPr bwMode="auto">
          <a:xfrm>
            <a:off x="8077200" y="6245225"/>
            <a:ext cx="2133600" cy="476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eaLnBrk="1" hangingPunct="1">
              <a:spcBef>
                <a:spcPct val="0"/>
              </a:spcBef>
              <a:buFontTx/>
              <a:buNone/>
            </a:pPr>
            <a:fld id="{EED54FD8-D97E-4BEF-959F-D060CFBA7527}" type="slidenum">
              <a:rPr lang="en-US" altLang="ja-JP" sz="1400">
                <a:latin typeface="Tahoma" panose="020B0604030504040204" pitchFamily="34" charset="0"/>
              </a:rPr>
              <a:pPr algn="r" eaLnBrk="1" hangingPunct="1">
                <a:spcBef>
                  <a:spcPct val="0"/>
                </a:spcBef>
                <a:buFontTx/>
                <a:buNone/>
              </a:pPr>
              <a:t>8</a:t>
            </a:fld>
            <a:endParaRPr lang="en-US" altLang="ja-JP" sz="1400">
              <a:latin typeface="Tahoma" panose="020B0604030504040204" pitchFamily="34" charset="0"/>
            </a:endParaRPr>
          </a:p>
        </p:txBody>
      </p:sp>
      <p:sp>
        <p:nvSpPr>
          <p:cNvPr id="17414" name="Rectangle 7">
            <a:extLst>
              <a:ext uri="{FF2B5EF4-FFF2-40B4-BE49-F238E27FC236}">
                <a16:creationId xmlns:a16="http://schemas.microsoft.com/office/drawing/2014/main" id="{45BEFDD5-3435-6E53-4BF4-7F493DED5417}"/>
              </a:ext>
            </a:extLst>
          </p:cNvPr>
          <p:cNvSpPr>
            <a:spLocks noChangeArrowheads="1"/>
          </p:cNvSpPr>
          <p:nvPr/>
        </p:nvSpPr>
        <p:spPr bwMode="auto">
          <a:xfrm>
            <a:off x="1524000" y="2764631"/>
            <a:ext cx="9250680" cy="646112"/>
          </a:xfrm>
          <a:prstGeom prst="rect">
            <a:avLst/>
          </a:prstGeom>
          <a:solidFill>
            <a:schemeClr val="bg1">
              <a:lumMod val="85000"/>
            </a:schemeClr>
          </a:solidFill>
          <a:ln w="9525">
            <a:solidFill>
              <a:schemeClr val="tx1"/>
            </a:solidFill>
            <a:miter lim="800000"/>
            <a:headEnd/>
            <a:tailEnd/>
          </a:ln>
        </p:spPr>
        <p:txBody>
          <a:bodyPr wrap="none" anchor="ctr"/>
          <a:lstStyle/>
          <a:p>
            <a:pPr>
              <a:defRPr/>
            </a:pPr>
            <a:r>
              <a:rPr lang="ja-JP" altLang="en-US" sz="2800" dirty="0">
                <a:latin typeface="HG丸ｺﾞｼｯｸM-PRO" panose="020F0600000000000000" pitchFamily="50" charset="-128"/>
                <a:ea typeface="HG丸ｺﾞｼｯｸM-PRO" panose="020F0600000000000000" pitchFamily="50" charset="-128"/>
              </a:rPr>
              <a:t>「標準設計不要論」　建コン協　同調した国交省　</a:t>
            </a:r>
            <a:r>
              <a:rPr lang="ja-JP" altLang="en-US" sz="2000" dirty="0">
                <a:latin typeface="HG丸ｺﾞｼｯｸM-PRO" panose="020F0600000000000000" pitchFamily="50" charset="-128"/>
                <a:ea typeface="HG丸ｺﾞｼｯｸM-PRO" panose="020F0600000000000000" pitchFamily="50" charset="-128"/>
              </a:rPr>
              <a:t>（ｈ８）</a:t>
            </a:r>
            <a:endParaRPr lang="en-US" altLang="ja-JP" sz="2000" dirty="0">
              <a:latin typeface="HG丸ｺﾞｼｯｸM-PRO" panose="020F0600000000000000" pitchFamily="50" charset="-128"/>
              <a:ea typeface="HG丸ｺﾞｼｯｸM-PRO" panose="020F0600000000000000" pitchFamily="50" charset="-128"/>
            </a:endParaRPr>
          </a:p>
        </p:txBody>
      </p:sp>
      <p:sp>
        <p:nvSpPr>
          <p:cNvPr id="37892" name="Rectangle 10">
            <a:extLst>
              <a:ext uri="{FF2B5EF4-FFF2-40B4-BE49-F238E27FC236}">
                <a16:creationId xmlns:a16="http://schemas.microsoft.com/office/drawing/2014/main" id="{1637F1DE-819E-2E78-A603-61D7B44DE6C6}"/>
              </a:ext>
            </a:extLst>
          </p:cNvPr>
          <p:cNvSpPr>
            <a:spLocks noChangeArrowheads="1"/>
          </p:cNvSpPr>
          <p:nvPr/>
        </p:nvSpPr>
        <p:spPr bwMode="auto">
          <a:xfrm>
            <a:off x="1524000" y="3465196"/>
            <a:ext cx="9250680" cy="685800"/>
          </a:xfrm>
          <a:prstGeom prst="rect">
            <a:avLst/>
          </a:prstGeom>
          <a:solidFill>
            <a:schemeClr val="accent3">
              <a:lumMod val="20000"/>
              <a:lumOff val="80000"/>
            </a:schemeClr>
          </a:solidFill>
          <a:ln w="9525">
            <a:solidFill>
              <a:schemeClr val="tx1"/>
            </a:solidFill>
            <a:miter lim="800000"/>
            <a:headEnd/>
            <a:tailEnd/>
          </a:ln>
        </p:spPr>
        <p:txBody>
          <a:bodyPr wrap="none" anchor="ctr"/>
          <a:lstStyle>
            <a:lvl1pPr algn="l"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algn="l"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algn="l"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algn="l"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algn="l"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defRPr/>
            </a:pPr>
            <a:r>
              <a:rPr lang="ja-JP" altLang="en-US" sz="2800" dirty="0">
                <a:latin typeface="HG丸ｺﾞｼｯｸM-PRO" panose="020F0600000000000000" pitchFamily="50" charset="-128"/>
                <a:ea typeface="HG丸ｺﾞｼｯｸM-PRO" panose="020F0600000000000000" pitchFamily="50" charset="-128"/>
              </a:rPr>
              <a:t>だが、会計検査院は会検時に活用</a:t>
            </a:r>
          </a:p>
        </p:txBody>
      </p:sp>
      <p:sp>
        <p:nvSpPr>
          <p:cNvPr id="2" name="角丸四角形 1">
            <a:extLst>
              <a:ext uri="{FF2B5EF4-FFF2-40B4-BE49-F238E27FC236}">
                <a16:creationId xmlns:a16="http://schemas.microsoft.com/office/drawing/2014/main" id="{E31D6629-F6D4-5A02-2F0A-F661B4681D7B}"/>
              </a:ext>
            </a:extLst>
          </p:cNvPr>
          <p:cNvSpPr/>
          <p:nvPr/>
        </p:nvSpPr>
        <p:spPr>
          <a:xfrm>
            <a:off x="1524000" y="825640"/>
            <a:ext cx="9250680" cy="1938991"/>
          </a:xfrm>
          <a:prstGeom prst="roundRect">
            <a:avLst/>
          </a:pr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a:p>
        </p:txBody>
      </p:sp>
      <p:sp>
        <p:nvSpPr>
          <p:cNvPr id="3" name="テキスト ボックス 2">
            <a:extLst>
              <a:ext uri="{FF2B5EF4-FFF2-40B4-BE49-F238E27FC236}">
                <a16:creationId xmlns:a16="http://schemas.microsoft.com/office/drawing/2014/main" id="{43B6CAFE-4BBF-023B-B1F5-4DF70C2D9737}"/>
              </a:ext>
            </a:extLst>
          </p:cNvPr>
          <p:cNvSpPr txBox="1">
            <a:spLocks noChangeArrowheads="1"/>
          </p:cNvSpPr>
          <p:nvPr/>
        </p:nvSpPr>
        <p:spPr bwMode="auto">
          <a:xfrm>
            <a:off x="2065021" y="825639"/>
            <a:ext cx="7408863" cy="1938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b="1" dirty="0">
                <a:latin typeface="HG丸ｺﾞｼｯｸM-PRO" panose="020F0600000000000000" pitchFamily="50" charset="-128"/>
                <a:ea typeface="HG丸ｺﾞｼｯｸM-PRO" panose="020F0600000000000000" pitchFamily="50" charset="-128"/>
              </a:rPr>
              <a:t>標準設計作成時の基本方針</a:t>
            </a:r>
            <a:endParaRPr lang="en-US" altLang="ja-JP" sz="2400" b="1" dirty="0">
              <a:latin typeface="HG丸ｺﾞｼｯｸM-PRO" panose="020F0600000000000000" pitchFamily="50" charset="-128"/>
              <a:ea typeface="HG丸ｺﾞｼｯｸM-PRO" panose="020F0600000000000000" pitchFamily="50" charset="-128"/>
            </a:endParaRPr>
          </a:p>
          <a:p>
            <a:pPr eaLnBrk="1" hangingPunct="1">
              <a:spcBef>
                <a:spcPct val="0"/>
              </a:spcBef>
              <a:buFontTx/>
              <a:buNone/>
            </a:pPr>
            <a:r>
              <a:rPr lang="ja-JP" altLang="en-US" sz="2400" b="1" dirty="0">
                <a:latin typeface="HG丸ｺﾞｼｯｸM-PRO" panose="020F0600000000000000" pitchFamily="50" charset="-128"/>
                <a:ea typeface="HG丸ｺﾞｼｯｸM-PRO" panose="020F0600000000000000" pitchFamily="50" charset="-128"/>
              </a:rPr>
              <a:t>　　　　構造の単純化、最適設計</a:t>
            </a:r>
            <a:endParaRPr lang="en-US" altLang="ja-JP" sz="2400" b="1" dirty="0">
              <a:latin typeface="HG丸ｺﾞｼｯｸM-PRO" panose="020F0600000000000000" pitchFamily="50" charset="-128"/>
              <a:ea typeface="HG丸ｺﾞｼｯｸM-PRO" panose="020F0600000000000000" pitchFamily="50" charset="-128"/>
            </a:endParaRPr>
          </a:p>
          <a:p>
            <a:pPr eaLnBrk="1" hangingPunct="1">
              <a:spcBef>
                <a:spcPct val="0"/>
              </a:spcBef>
              <a:buFontTx/>
              <a:buNone/>
            </a:pPr>
            <a:r>
              <a:rPr lang="ja-JP" altLang="en-US" sz="2400" b="1" dirty="0">
                <a:latin typeface="HG丸ｺﾞｼｯｸM-PRO" panose="020F0600000000000000" pitchFamily="50" charset="-128"/>
                <a:ea typeface="HG丸ｺﾞｼｯｸM-PRO" panose="020F0600000000000000" pitchFamily="50" charset="-128"/>
              </a:rPr>
              <a:t>　　　　材料の規格統一</a:t>
            </a:r>
            <a:endParaRPr lang="en-US" altLang="ja-JP" sz="2400" b="1" dirty="0">
              <a:latin typeface="HG丸ｺﾞｼｯｸM-PRO" panose="020F0600000000000000" pitchFamily="50" charset="-128"/>
              <a:ea typeface="HG丸ｺﾞｼｯｸM-PRO" panose="020F0600000000000000" pitchFamily="50" charset="-128"/>
            </a:endParaRPr>
          </a:p>
          <a:p>
            <a:pPr eaLnBrk="1" hangingPunct="1">
              <a:spcBef>
                <a:spcPct val="0"/>
              </a:spcBef>
              <a:buFontTx/>
              <a:buNone/>
            </a:pPr>
            <a:r>
              <a:rPr lang="ja-JP" altLang="en-US" sz="2400" b="1" dirty="0">
                <a:latin typeface="HG丸ｺﾞｼｯｸM-PRO" panose="020F0600000000000000" pitchFamily="50" charset="-128"/>
                <a:ea typeface="HG丸ｺﾞｼｯｸM-PRO" panose="020F0600000000000000" pitchFamily="50" charset="-128"/>
              </a:rPr>
              <a:t>　　　　設計・施行・維持管理の容易な構造</a:t>
            </a:r>
            <a:endParaRPr lang="en-US" altLang="ja-JP" sz="2400" b="1" dirty="0">
              <a:latin typeface="HG丸ｺﾞｼｯｸM-PRO" panose="020F0600000000000000" pitchFamily="50" charset="-128"/>
              <a:ea typeface="HG丸ｺﾞｼｯｸM-PRO" panose="020F0600000000000000" pitchFamily="50" charset="-128"/>
            </a:endParaRPr>
          </a:p>
          <a:p>
            <a:pPr eaLnBrk="1" hangingPunct="1">
              <a:spcBef>
                <a:spcPct val="0"/>
              </a:spcBef>
              <a:buFontTx/>
              <a:buNone/>
            </a:pPr>
            <a:r>
              <a:rPr lang="ja-JP" altLang="en-US" sz="2400" b="1" dirty="0">
                <a:latin typeface="HG丸ｺﾞｼｯｸM-PRO" panose="020F0600000000000000" pitchFamily="50" charset="-128"/>
                <a:ea typeface="HG丸ｺﾞｼｯｸM-PRO" panose="020F0600000000000000" pitchFamily="50" charset="-128"/>
              </a:rPr>
              <a:t>　　　　安全性とコスト縮減</a:t>
            </a:r>
          </a:p>
        </p:txBody>
      </p:sp>
      <p:sp>
        <p:nvSpPr>
          <p:cNvPr id="11" name="角丸四角形 10">
            <a:extLst>
              <a:ext uri="{FF2B5EF4-FFF2-40B4-BE49-F238E27FC236}">
                <a16:creationId xmlns:a16="http://schemas.microsoft.com/office/drawing/2014/main" id="{87E1F8C0-87C9-ACBB-C138-6D16DF516F92}"/>
              </a:ext>
            </a:extLst>
          </p:cNvPr>
          <p:cNvSpPr/>
          <p:nvPr/>
        </p:nvSpPr>
        <p:spPr>
          <a:xfrm>
            <a:off x="1524000" y="15875"/>
            <a:ext cx="9144000" cy="777874"/>
          </a:xfrm>
          <a:prstGeom prst="roundRect">
            <a:avLst/>
          </a:prstGeom>
          <a:solidFill>
            <a:schemeClr val="tx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3600" dirty="0">
                <a:solidFill>
                  <a:schemeClr val="tx1"/>
                </a:solidFill>
                <a:latin typeface="HG丸ｺﾞｼｯｸM-PRO" panose="020F0600000000000000" pitchFamily="50" charset="-128"/>
                <a:ea typeface="HG丸ｺﾞｼｯｸM-PRO" panose="020F0600000000000000" pitchFamily="50" charset="-128"/>
              </a:rPr>
              <a:t>設計標準化　と言う考え方（指標）</a:t>
            </a:r>
          </a:p>
        </p:txBody>
      </p:sp>
      <p:sp>
        <p:nvSpPr>
          <p:cNvPr id="17416" name="テキスト ボックス 3">
            <a:extLst>
              <a:ext uri="{FF2B5EF4-FFF2-40B4-BE49-F238E27FC236}">
                <a16:creationId xmlns:a16="http://schemas.microsoft.com/office/drawing/2014/main" id="{D1B7ED15-AEB0-5870-EEA2-AB73FBD45F51}"/>
              </a:ext>
            </a:extLst>
          </p:cNvPr>
          <p:cNvSpPr txBox="1">
            <a:spLocks noChangeArrowheads="1"/>
          </p:cNvSpPr>
          <p:nvPr/>
        </p:nvSpPr>
        <p:spPr bwMode="auto">
          <a:xfrm>
            <a:off x="7512685" y="1119347"/>
            <a:ext cx="2952750"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800" b="1" dirty="0">
                <a:solidFill>
                  <a:srgbClr val="FF0000"/>
                </a:solidFill>
                <a:latin typeface="Arial" panose="020B0604020202020204" pitchFamily="34" charset="0"/>
              </a:rPr>
              <a:t>数万ケースの試設計・積算</a:t>
            </a:r>
            <a:endParaRPr lang="en-US" altLang="ja-JP" sz="1800" b="1" dirty="0">
              <a:solidFill>
                <a:srgbClr val="FF0000"/>
              </a:solidFill>
              <a:latin typeface="Arial" panose="020B0604020202020204" pitchFamily="34" charset="0"/>
            </a:endParaRPr>
          </a:p>
          <a:p>
            <a:pPr eaLnBrk="1" hangingPunct="1">
              <a:spcBef>
                <a:spcPct val="0"/>
              </a:spcBef>
              <a:buFontTx/>
              <a:buNone/>
            </a:pPr>
            <a:r>
              <a:rPr lang="ja-JP" altLang="en-US" sz="1800" b="1" dirty="0">
                <a:solidFill>
                  <a:srgbClr val="FF0000"/>
                </a:solidFill>
                <a:latin typeface="Arial" panose="020B0604020202020204" pitchFamily="34" charset="0"/>
              </a:rPr>
              <a:t>施工性アンケート</a:t>
            </a:r>
          </a:p>
        </p:txBody>
      </p:sp>
      <p:sp>
        <p:nvSpPr>
          <p:cNvPr id="10" name="角丸四角形 9">
            <a:extLst>
              <a:ext uri="{FF2B5EF4-FFF2-40B4-BE49-F238E27FC236}">
                <a16:creationId xmlns:a16="http://schemas.microsoft.com/office/drawing/2014/main" id="{D67ABE40-5198-FF3B-4124-3EF54C49E7ED}"/>
              </a:ext>
            </a:extLst>
          </p:cNvPr>
          <p:cNvSpPr/>
          <p:nvPr/>
        </p:nvSpPr>
        <p:spPr>
          <a:xfrm>
            <a:off x="1518604" y="4186237"/>
            <a:ext cx="9377996" cy="265588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l">
              <a:defRPr/>
            </a:pPr>
            <a:r>
              <a:rPr lang="ja-JP" altLang="en-US" sz="2800" u="sng" dirty="0">
                <a:solidFill>
                  <a:schemeClr val="tx1"/>
                </a:solidFill>
                <a:latin typeface="HG丸ｺﾞｼｯｸM-PRO" panose="020F0600000000000000" pitchFamily="50" charset="-128"/>
                <a:ea typeface="HG丸ｺﾞｼｯｸM-PRO" panose="020F0600000000000000" pitchFamily="50" charset="-128"/>
              </a:rPr>
              <a:t>標準化の効果を捨てた結末は？今後、効いてくる</a:t>
            </a:r>
            <a:endParaRPr lang="en-US" altLang="ja-JP" sz="2800" u="sng" dirty="0">
              <a:solidFill>
                <a:schemeClr val="tx1"/>
              </a:solidFill>
              <a:latin typeface="HG丸ｺﾞｼｯｸM-PRO" panose="020F0600000000000000" pitchFamily="50" charset="-128"/>
              <a:ea typeface="HG丸ｺﾞｼｯｸM-PRO" panose="020F0600000000000000" pitchFamily="50" charset="-128"/>
            </a:endParaRPr>
          </a:p>
          <a:p>
            <a:pPr algn="l">
              <a:defRPr/>
            </a:pPr>
            <a:r>
              <a:rPr lang="ja-JP" altLang="en-US" sz="2800" dirty="0">
                <a:solidFill>
                  <a:srgbClr val="FF0000"/>
                </a:solidFill>
                <a:latin typeface="HG丸ｺﾞｼｯｸM-PRO" panose="020F0600000000000000" pitchFamily="50" charset="-128"/>
                <a:ea typeface="HG丸ｺﾞｼｯｸM-PRO" panose="020F0600000000000000" pitchFamily="50" charset="-128"/>
              </a:rPr>
              <a:t>多くのものを同時に実行する場合の有効な手段。</a:t>
            </a:r>
          </a:p>
          <a:p>
            <a:pPr algn="l">
              <a:defRPr/>
            </a:pPr>
            <a:r>
              <a:rPr lang="ja-JP" altLang="en-US" sz="2800" dirty="0">
                <a:solidFill>
                  <a:schemeClr val="tx1"/>
                </a:solidFill>
                <a:latin typeface="HG丸ｺﾞｼｯｸM-PRO" panose="020F0600000000000000" pitchFamily="50" charset="-128"/>
                <a:ea typeface="HG丸ｺﾞｼｯｸM-PRO" panose="020F0600000000000000" pitchFamily="50" charset="-128"/>
              </a:rPr>
              <a:t>マネジメント上重要（</a:t>
            </a:r>
            <a:r>
              <a:rPr lang="en-US" altLang="ja-JP" sz="2800" dirty="0">
                <a:solidFill>
                  <a:schemeClr val="tx1"/>
                </a:solidFill>
                <a:latin typeface="HG丸ｺﾞｼｯｸM-PRO" panose="020F0600000000000000" pitchFamily="50" charset="-128"/>
                <a:ea typeface="HG丸ｺﾞｼｯｸM-PRO" panose="020F0600000000000000" pitchFamily="50" charset="-128"/>
              </a:rPr>
              <a:t>PPP/PFI</a:t>
            </a:r>
            <a:r>
              <a:rPr lang="ja-JP" altLang="en-US" sz="2800" dirty="0">
                <a:solidFill>
                  <a:schemeClr val="tx1"/>
                </a:solidFill>
                <a:latin typeface="HG丸ｺﾞｼｯｸM-PRO" panose="020F0600000000000000" pitchFamily="50" charset="-128"/>
                <a:ea typeface="HG丸ｺﾞｼｯｸM-PRO" panose="020F0600000000000000" pitchFamily="50" charset="-128"/>
              </a:rPr>
              <a:t>、包括管理など）自ら捨てた、</a:t>
            </a:r>
            <a:r>
              <a:rPr lang="ja-JP" altLang="en-US" sz="2800">
                <a:solidFill>
                  <a:schemeClr val="tx1"/>
                </a:solidFill>
                <a:latin typeface="HG丸ｺﾞｼｯｸM-PRO" panose="020F0600000000000000" pitchFamily="50" charset="-128"/>
                <a:ea typeface="HG丸ｺﾞｼｯｸM-PRO" panose="020F0600000000000000" pitchFamily="50" charset="-128"/>
              </a:rPr>
              <a:t>建コン協　短絡的な考え方の報い！</a:t>
            </a:r>
            <a:endParaRPr lang="en-US" altLang="ja-JP" sz="2800" dirty="0">
              <a:solidFill>
                <a:schemeClr val="tx1"/>
              </a:solidFill>
              <a:latin typeface="HG丸ｺﾞｼｯｸM-PRO" panose="020F0600000000000000" pitchFamily="50" charset="-128"/>
              <a:ea typeface="HG丸ｺﾞｼｯｸM-PRO" panose="020F0600000000000000" pitchFamily="50" charset="-128"/>
            </a:endParaRPr>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スライド番号プレースホルダー 1">
            <a:extLst>
              <a:ext uri="{FF2B5EF4-FFF2-40B4-BE49-F238E27FC236}">
                <a16:creationId xmlns:a16="http://schemas.microsoft.com/office/drawing/2014/main" id="{B5C0AB19-89C8-1498-CDBE-0D0FD17C990F}"/>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r" eaLnBrk="1" hangingPunct="1">
              <a:spcBef>
                <a:spcPct val="0"/>
              </a:spcBef>
              <a:buFontTx/>
              <a:buNone/>
            </a:pPr>
            <a:fld id="{1EDB653B-8FD4-4BAC-A1B5-3569686A29F1}" type="slidenum">
              <a:rPr lang="en-US" altLang="ja-JP" sz="1400">
                <a:latin typeface="Arial" panose="020B0604020202020204" pitchFamily="34" charset="0"/>
              </a:rPr>
              <a:pPr algn="r" eaLnBrk="1" hangingPunct="1">
                <a:spcBef>
                  <a:spcPct val="0"/>
                </a:spcBef>
                <a:buFontTx/>
                <a:buNone/>
              </a:pPr>
              <a:t>9</a:t>
            </a:fld>
            <a:endParaRPr lang="en-US" altLang="ja-JP" sz="1400">
              <a:latin typeface="Arial" panose="020B0604020202020204" pitchFamily="34" charset="0"/>
            </a:endParaRPr>
          </a:p>
        </p:txBody>
      </p:sp>
      <p:sp>
        <p:nvSpPr>
          <p:cNvPr id="7171" name="角丸四角形 2">
            <a:extLst>
              <a:ext uri="{FF2B5EF4-FFF2-40B4-BE49-F238E27FC236}">
                <a16:creationId xmlns:a16="http://schemas.microsoft.com/office/drawing/2014/main" id="{971BC0E5-4A4C-D5E8-1D2C-CB3D4AA1E8AF}"/>
              </a:ext>
            </a:extLst>
          </p:cNvPr>
          <p:cNvSpPr>
            <a:spLocks noChangeArrowheads="1"/>
          </p:cNvSpPr>
          <p:nvPr/>
        </p:nvSpPr>
        <p:spPr bwMode="auto">
          <a:xfrm>
            <a:off x="1524000" y="160339"/>
            <a:ext cx="9144000" cy="820390"/>
          </a:xfrm>
          <a:prstGeom prst="roundRect">
            <a:avLst>
              <a:gd name="adj" fmla="val 16667"/>
            </a:avLst>
          </a:prstGeom>
          <a:solidFill>
            <a:schemeClr val="tx2">
              <a:lumMod val="20000"/>
              <a:lumOff val="80000"/>
            </a:schemeClr>
          </a:solidFill>
          <a:ln w="9525" algn="ctr">
            <a:solidFill>
              <a:schemeClr val="tx1"/>
            </a:solidFill>
            <a:miter lim="800000"/>
            <a:headEnd/>
            <a:tailEnd/>
          </a:ln>
        </p:spPr>
        <p:txBody>
          <a:bodyPr wrap="none">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defRPr/>
            </a:pPr>
            <a:r>
              <a:rPr lang="ja-JP" altLang="en-US" sz="3600" dirty="0">
                <a:latin typeface="HG丸ｺﾞｼｯｸM-PRO" panose="020F0600000000000000" pitchFamily="50" charset="-128"/>
                <a:ea typeface="HG丸ｺﾞｼｯｸM-PRO" panose="020F0600000000000000" pitchFamily="50" charset="-128"/>
              </a:rPr>
              <a:t>感じている課題</a:t>
            </a:r>
          </a:p>
        </p:txBody>
      </p:sp>
      <p:sp>
        <p:nvSpPr>
          <p:cNvPr id="6148" name="角丸四角形 3">
            <a:extLst>
              <a:ext uri="{FF2B5EF4-FFF2-40B4-BE49-F238E27FC236}">
                <a16:creationId xmlns:a16="http://schemas.microsoft.com/office/drawing/2014/main" id="{957A0129-F844-0BD7-A350-3257A11A1FA9}"/>
              </a:ext>
            </a:extLst>
          </p:cNvPr>
          <p:cNvSpPr>
            <a:spLocks noChangeArrowheads="1"/>
          </p:cNvSpPr>
          <p:nvPr/>
        </p:nvSpPr>
        <p:spPr bwMode="auto">
          <a:xfrm>
            <a:off x="1524000" y="981076"/>
            <a:ext cx="9144000" cy="5876925"/>
          </a:xfrm>
          <a:prstGeom prst="roundRect">
            <a:avLst>
              <a:gd name="adj" fmla="val 16667"/>
            </a:avLst>
          </a:prstGeom>
          <a:solidFill>
            <a:schemeClr val="accent3">
              <a:lumMod val="20000"/>
              <a:lumOff val="80000"/>
            </a:schemeClr>
          </a:solidFill>
          <a:ln w="9525" algn="ctr">
            <a:solidFill>
              <a:schemeClr val="tx1"/>
            </a:solidFill>
            <a:miter lim="800000"/>
            <a:headEnd/>
            <a:tailEnd/>
          </a:ln>
        </p:spPr>
        <p:txBody>
          <a:bodyPr wrap="none"/>
          <a:lstStyle/>
          <a:p>
            <a:pPr algn="l">
              <a:defRPr/>
            </a:pPr>
            <a:r>
              <a:rPr lang="ja-JP" altLang="en-US" sz="2400" b="1" dirty="0">
                <a:latin typeface="HG丸ｺﾞｼｯｸM-PRO" panose="020F0600000000000000" pitchFamily="50" charset="-128"/>
                <a:ea typeface="HG丸ｺﾞｼｯｸM-PRO" panose="020F0600000000000000" pitchFamily="50" charset="-128"/>
              </a:rPr>
              <a:t>①設計行為は　「</a:t>
            </a:r>
            <a:r>
              <a:rPr lang="en-US" altLang="ja-JP" sz="2400" b="1" dirty="0">
                <a:latin typeface="HG丸ｺﾞｼｯｸM-PRO" panose="020F0600000000000000" pitchFamily="50" charset="-128"/>
                <a:ea typeface="HG丸ｺﾞｼｯｸM-PRO" panose="020F0600000000000000" pitchFamily="50" charset="-128"/>
              </a:rPr>
              <a:t>Fiction</a:t>
            </a:r>
            <a:r>
              <a:rPr lang="ja-JP" altLang="en-US" sz="2400" b="1" dirty="0">
                <a:latin typeface="HG丸ｺﾞｼｯｸM-PRO" panose="020F0600000000000000" pitchFamily="50" charset="-128"/>
                <a:ea typeface="HG丸ｺﾞｼｯｸM-PRO" panose="020F0600000000000000" pitchFamily="50" charset="-128"/>
              </a:rPr>
              <a:t>」である事の理解</a:t>
            </a:r>
          </a:p>
          <a:p>
            <a:pPr algn="l">
              <a:defRPr/>
            </a:pPr>
            <a:r>
              <a:rPr lang="ja-JP" altLang="en-US" sz="2400" dirty="0">
                <a:latin typeface="HG丸ｺﾞｼｯｸM-PRO" panose="020F0600000000000000" pitchFamily="50" charset="-128"/>
                <a:ea typeface="HG丸ｺﾞｼｯｸM-PRO" panose="020F0600000000000000" pitchFamily="50" charset="-128"/>
              </a:rPr>
              <a:t>　　・仮定から始まる</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仮定は最後に検証が必要。⇒これをやらない</a:t>
            </a:r>
            <a:endParaRPr lang="en-US" altLang="ja-JP" sz="2400" dirty="0">
              <a:latin typeface="HG丸ｺﾞｼｯｸM-PRO" panose="020F0600000000000000" pitchFamily="50" charset="-128"/>
              <a:ea typeface="HG丸ｺﾞｼｯｸM-PRO" panose="020F0600000000000000" pitchFamily="50" charset="-128"/>
            </a:endParaRPr>
          </a:p>
          <a:p>
            <a:pPr algn="l">
              <a:defRPr/>
            </a:pP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②“解析”の理解。 ⇒解析だけでは答えは出ない。判断が必要</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耐震設計」「耐風設計」等も解析である</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解析と設計の違い⇒フィードバック、妥当性の検証　　　　　　　</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解析」手法の適切な適用⇒やたら難易度の高い解析</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をしたがる素人</a:t>
            </a:r>
            <a:endParaRPr lang="en-US" altLang="ja-JP" sz="2400" dirty="0">
              <a:latin typeface="HG丸ｺﾞｼｯｸM-PRO" panose="020F0600000000000000" pitchFamily="50" charset="-128"/>
              <a:ea typeface="HG丸ｺﾞｼｯｸM-PRO" panose="020F0600000000000000" pitchFamily="50" charset="-128"/>
            </a:endParaRPr>
          </a:p>
          <a:p>
            <a:pPr algn="l">
              <a:defRPr/>
            </a:pP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③　「図面を書く」のが設計では無い⇒図面は設計の一部</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④「設計」行為の最重要ポイントは、</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協議」と「議論」である。（設計ストーリー）</a:t>
            </a:r>
            <a:endParaRPr lang="en-US" altLang="ja-JP" sz="2400" dirty="0">
              <a:latin typeface="HG丸ｺﾞｼｯｸM-PRO" panose="020F0600000000000000" pitchFamily="50" charset="-128"/>
              <a:ea typeface="HG丸ｺﾞｼｯｸM-PRO" panose="020F0600000000000000" pitchFamily="50" charset="-128"/>
            </a:endParaRPr>
          </a:p>
          <a:p>
            <a:pPr algn="l">
              <a:defRPr/>
            </a:pPr>
            <a:r>
              <a:rPr lang="ja-JP" altLang="en-US" sz="2400" dirty="0">
                <a:latin typeface="HG丸ｺﾞｼｯｸM-PRO" panose="020F0600000000000000" pitchFamily="50" charset="-128"/>
                <a:ea typeface="HG丸ｺﾞｼｯｸM-PRO" panose="020F0600000000000000" pitchFamily="50" charset="-128"/>
              </a:rPr>
              <a:t>　　</a:t>
            </a:r>
          </a:p>
        </p:txBody>
      </p:sp>
    </p:spTree>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2013 - 2022" id="{62F939B6-93AF-4DB8-9C6B-D6C7DFDC589F}" vid="{4A3C46E8-61CC-4603-A589-7422A47A8E4A}"/>
    </a:ext>
  </a:ext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7183</TotalTime>
  <Words>4462</Words>
  <Application>Microsoft Office PowerPoint</Application>
  <PresentationFormat>ワイド画面</PresentationFormat>
  <Paragraphs>816</Paragraphs>
  <Slides>45</Slides>
  <Notes>1</Notes>
  <HiddenSlides>0</HiddenSlides>
  <MMClips>0</MMClips>
  <ScaleCrop>false</ScaleCrop>
  <HeadingPairs>
    <vt:vector size="6" baseType="variant">
      <vt:variant>
        <vt:lpstr>使用されているフォント</vt:lpstr>
      </vt:variant>
      <vt:variant>
        <vt:i4>24</vt:i4>
      </vt:variant>
      <vt:variant>
        <vt:lpstr>テーマ</vt:lpstr>
      </vt:variant>
      <vt:variant>
        <vt:i4>2</vt:i4>
      </vt:variant>
      <vt:variant>
        <vt:lpstr>スライド タイトル</vt:lpstr>
      </vt:variant>
      <vt:variant>
        <vt:i4>45</vt:i4>
      </vt:variant>
    </vt:vector>
  </HeadingPairs>
  <TitlesOfParts>
    <vt:vector size="71" baseType="lpstr">
      <vt:lpstr>AR P丸ゴシック体M</vt:lpstr>
      <vt:lpstr>BIZ UDPGothic</vt:lpstr>
      <vt:lpstr>HGPｺﾞｼｯｸE</vt:lpstr>
      <vt:lpstr>HGPｺﾞｼｯｸM</vt:lpstr>
      <vt:lpstr>HGP教科書体</vt:lpstr>
      <vt:lpstr>HGP創英角ｺﾞｼｯｸUB</vt:lpstr>
      <vt:lpstr>HGP創英角ﾎﾟｯﾌﾟ体</vt:lpstr>
      <vt:lpstr>HGS創英角ﾎﾟｯﾌﾟ体</vt:lpstr>
      <vt:lpstr>HG丸ｺﾞｼｯｸM-PRO</vt:lpstr>
      <vt:lpstr>HG創英角ﾎﾟｯﾌﾟ体</vt:lpstr>
      <vt:lpstr>Meiryo UI</vt:lpstr>
      <vt:lpstr>ＭＳ Ｐゴシック</vt:lpstr>
      <vt:lpstr>ＭＳ ゴシック</vt:lpstr>
      <vt:lpstr>UDデジタル教科書体NP-R</vt:lpstr>
      <vt:lpstr>Yu Gothic UI</vt:lpstr>
      <vt:lpstr>Yu Gothic UI Semibold</vt:lpstr>
      <vt:lpstr>メイリオ</vt:lpstr>
      <vt:lpstr>游ゴシック</vt:lpstr>
      <vt:lpstr>Arial</vt:lpstr>
      <vt:lpstr>Calibri</vt:lpstr>
      <vt:lpstr>Calibri Light</vt:lpstr>
      <vt:lpstr>Tahoma</vt:lpstr>
      <vt:lpstr>Times New Roman</vt:lpstr>
      <vt:lpstr>Wingdings</vt:lpstr>
      <vt:lpstr>Office ​​テーマ</vt:lpstr>
      <vt:lpstr>Office テーマ</vt:lpstr>
      <vt:lpstr>   </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発注手法（契約相手先選定）の一つ</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自治体が欲している技術・情報・アイディア</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提案者の提案にたいして</vt:lpstr>
      <vt:lpstr>提案者に対する印象</vt:lpstr>
      <vt:lpstr>提案者に対する印象</vt:lpstr>
      <vt:lpstr>富山市の場合</vt:lpstr>
      <vt:lpstr>富山市での６条提案に関する事例  K（熊谷）P（パシコン）Y（横川ブリッジ）の3社連盟提案 市内橋梁包括管理と神通大橋の更新事業 </vt:lpstr>
      <vt:lpstr>審査プロセス　⇒急遽決定（企画部と建設部）</vt:lpstr>
      <vt:lpstr>審査項目(基準)</vt:lpstr>
      <vt:lpstr>橋梁更新及び包括維持管理ＰＦＩ事業のご提案 ～富山市が始める、富山市から始まる～</vt:lpstr>
      <vt:lpstr>神通大橋（旧橋）の架替えのご提案（大規模更新事業）</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tanuki kazehiki</dc:creator>
  <cp:lastModifiedBy>芳彦 植野</cp:lastModifiedBy>
  <cp:revision>29</cp:revision>
  <dcterms:created xsi:type="dcterms:W3CDTF">2021-05-17T04:17:13Z</dcterms:created>
  <dcterms:modified xsi:type="dcterms:W3CDTF">2023-05-18T23:33:31Z</dcterms:modified>
</cp:coreProperties>
</file>